
<file path=[Content_Types].xml><?xml version="1.0" encoding="utf-8"?>
<Types xmlns="http://schemas.openxmlformats.org/package/2006/content-types">
  <Default Extension="tmp" ContentType="image/png"/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1"/>
  </p:sldMasterIdLst>
  <p:notesMasterIdLst>
    <p:notesMasterId r:id="rId22"/>
  </p:notesMasterIdLst>
  <p:sldIdLst>
    <p:sldId id="256" r:id="rId2"/>
    <p:sldId id="257" r:id="rId3"/>
    <p:sldId id="258" r:id="rId4"/>
    <p:sldId id="260" r:id="rId5"/>
    <p:sldId id="259" r:id="rId6"/>
    <p:sldId id="261" r:id="rId7"/>
    <p:sldId id="262" r:id="rId8"/>
    <p:sldId id="263" r:id="rId9"/>
    <p:sldId id="264" r:id="rId10"/>
    <p:sldId id="265" r:id="rId11"/>
    <p:sldId id="266" r:id="rId12"/>
    <p:sldId id="267" r:id="rId13"/>
    <p:sldId id="268" r:id="rId14"/>
    <p:sldId id="269" r:id="rId15"/>
    <p:sldId id="270" r:id="rId16"/>
    <p:sldId id="272" r:id="rId17"/>
    <p:sldId id="274" r:id="rId18"/>
    <p:sldId id="275" r:id="rId19"/>
    <p:sldId id="277" r:id="rId20"/>
    <p:sldId id="276" r:id="rId21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54"/>
  </p:normalViewPr>
  <p:slideViewPr>
    <p:cSldViewPr snapToGrid="0" snapToObjects="1">
      <p:cViewPr>
        <p:scale>
          <a:sx n="66" d="100"/>
          <a:sy n="66" d="100"/>
        </p:scale>
        <p:origin x="1668" y="1074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sorterViewPr>
    <p:cViewPr varScale="1">
      <p:scale>
        <a:sx n="100" d="100"/>
        <a:sy n="100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44887\Google%20Drive\17-18%20Fall\Topics%20in%20Quant%20Fin\Charts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44887\Google%20Drive\17-18%20Fall\Topics%20in%20Quant%20Fin\Charts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44887\Google%20Drive\17-18%20Fall\Topics%20in%20Quant%20Fin\Charts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44887\Google%20Drive\17-18%20Fall\Topics%20in%20Quant%20Fin\Charts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'Sheet1 (2)'!$R$2:$R$61</c:f>
              <c:numCache>
                <c:formatCode>General</c:formatCode>
                <c:ptCount val="60"/>
                <c:pt idx="0">
                  <c:v>30</c:v>
                </c:pt>
                <c:pt idx="1">
                  <c:v>29.572347263107034</c:v>
                </c:pt>
                <c:pt idx="2">
                  <c:v>29.635248536832002</c:v>
                </c:pt>
                <c:pt idx="3">
                  <c:v>29.371298421733922</c:v>
                </c:pt>
                <c:pt idx="4">
                  <c:v>29.504094086974725</c:v>
                </c:pt>
                <c:pt idx="5">
                  <c:v>29.887758418909428</c:v>
                </c:pt>
                <c:pt idx="6">
                  <c:v>28.991077759506087</c:v>
                </c:pt>
                <c:pt idx="7">
                  <c:v>29.008229417134316</c:v>
                </c:pt>
                <c:pt idx="8">
                  <c:v>28.789768758175363</c:v>
                </c:pt>
                <c:pt idx="9">
                  <c:v>29.957260194131138</c:v>
                </c:pt>
                <c:pt idx="10">
                  <c:v>30.190876694212463</c:v>
                </c:pt>
                <c:pt idx="11">
                  <c:v>29.712668743825574</c:v>
                </c:pt>
                <c:pt idx="12">
                  <c:v>29.962882541205541</c:v>
                </c:pt>
                <c:pt idx="13">
                  <c:v>30.472840668310049</c:v>
                </c:pt>
                <c:pt idx="14">
                  <c:v>30.885493412482113</c:v>
                </c:pt>
                <c:pt idx="15">
                  <c:v>29.402619108621483</c:v>
                </c:pt>
                <c:pt idx="16">
                  <c:v>29.792895181558578</c:v>
                </c:pt>
                <c:pt idx="17">
                  <c:v>29.754942343577248</c:v>
                </c:pt>
                <c:pt idx="18">
                  <c:v>29.947244750965272</c:v>
                </c:pt>
                <c:pt idx="19">
                  <c:v>30.321181441069587</c:v>
                </c:pt>
                <c:pt idx="20">
                  <c:v>30.52529406552112</c:v>
                </c:pt>
                <c:pt idx="21">
                  <c:v>30.70859792162814</c:v>
                </c:pt>
                <c:pt idx="22">
                  <c:v>30.630280375569107</c:v>
                </c:pt>
                <c:pt idx="23">
                  <c:v>30.509287574450518</c:v>
                </c:pt>
                <c:pt idx="24">
                  <c:v>30.920296046140741</c:v>
                </c:pt>
                <c:pt idx="25">
                  <c:v>30.597484123023776</c:v>
                </c:pt>
                <c:pt idx="26">
                  <c:v>31.044484985053661</c:v>
                </c:pt>
                <c:pt idx="27">
                  <c:v>30.597887229234065</c:v>
                </c:pt>
                <c:pt idx="28">
                  <c:v>31.403970309266189</c:v>
                </c:pt>
                <c:pt idx="29">
                  <c:v>30.828643630687168</c:v>
                </c:pt>
              </c:numCache>
            </c:numRef>
          </c:val>
          <c:smooth val="0"/>
        </c:ser>
        <c:ser>
          <c:idx val="1"/>
          <c:order val="1"/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'Sheet1 (2)'!$S$2:$S$61</c:f>
              <c:numCache>
                <c:formatCode>General</c:formatCode>
                <c:ptCount val="60"/>
                <c:pt idx="0">
                  <c:v>50</c:v>
                </c:pt>
                <c:pt idx="1">
                  <c:v>49.835744634635482</c:v>
                </c:pt>
                <c:pt idx="2">
                  <c:v>49.073602949904405</c:v>
                </c:pt>
                <c:pt idx="3">
                  <c:v>49.227081155221775</c:v>
                </c:pt>
                <c:pt idx="4">
                  <c:v>49.268485448621348</c:v>
                </c:pt>
                <c:pt idx="5">
                  <c:v>50.092610237191025</c:v>
                </c:pt>
                <c:pt idx="6">
                  <c:v>51.907358215107102</c:v>
                </c:pt>
                <c:pt idx="7">
                  <c:v>53.036089389082342</c:v>
                </c:pt>
                <c:pt idx="8">
                  <c:v>51.831416249747015</c:v>
                </c:pt>
                <c:pt idx="9">
                  <c:v>51.620660765486853</c:v>
                </c:pt>
                <c:pt idx="10">
                  <c:v>53.070639974455766</c:v>
                </c:pt>
                <c:pt idx="11">
                  <c:v>55.097382393211035</c:v>
                </c:pt>
                <c:pt idx="12">
                  <c:v>55.170475208383536</c:v>
                </c:pt>
                <c:pt idx="13">
                  <c:v>54.715088484873974</c:v>
                </c:pt>
                <c:pt idx="14">
                  <c:v>55.167447667810769</c:v>
                </c:pt>
                <c:pt idx="15">
                  <c:v>56.409521058544726</c:v>
                </c:pt>
                <c:pt idx="16">
                  <c:v>56.242031428229993</c:v>
                </c:pt>
                <c:pt idx="17">
                  <c:v>56.216884700213981</c:v>
                </c:pt>
                <c:pt idx="18">
                  <c:v>56.148417068128012</c:v>
                </c:pt>
                <c:pt idx="19">
                  <c:v>55.907064466279408</c:v>
                </c:pt>
                <c:pt idx="20">
                  <c:v>58.012652551861478</c:v>
                </c:pt>
                <c:pt idx="21">
                  <c:v>58.585739585575801</c:v>
                </c:pt>
                <c:pt idx="22">
                  <c:v>58.943684952052358</c:v>
                </c:pt>
                <c:pt idx="23">
                  <c:v>58.914372951711293</c:v>
                </c:pt>
                <c:pt idx="24">
                  <c:v>58.062228058707838</c:v>
                </c:pt>
                <c:pt idx="25">
                  <c:v>58.719757533769325</c:v>
                </c:pt>
                <c:pt idx="26">
                  <c:v>59.474150166228448</c:v>
                </c:pt>
                <c:pt idx="27">
                  <c:v>59.635230877188484</c:v>
                </c:pt>
                <c:pt idx="28">
                  <c:v>58.889123362524899</c:v>
                </c:pt>
                <c:pt idx="29">
                  <c:v>57.854512551324454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16960808"/>
        <c:axId val="216961200"/>
      </c:lineChart>
      <c:catAx>
        <c:axId val="216960808"/>
        <c:scaling>
          <c:orientation val="minMax"/>
        </c:scaling>
        <c:delete val="1"/>
        <c:axPos val="b"/>
        <c:majorTickMark val="none"/>
        <c:minorTickMark val="none"/>
        <c:tickLblPos val="nextTo"/>
        <c:crossAx val="216961200"/>
        <c:crosses val="autoZero"/>
        <c:auto val="1"/>
        <c:lblAlgn val="ctr"/>
        <c:lblOffset val="100"/>
        <c:noMultiLvlLbl val="0"/>
      </c:catAx>
      <c:valAx>
        <c:axId val="216961200"/>
        <c:scaling>
          <c:orientation val="minMax"/>
          <c:max val="70"/>
          <c:min val="2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696080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'Sheet1 (2)'!$T$2:$T$61</c:f>
              <c:numCache>
                <c:formatCode>General</c:formatCode>
                <c:ptCount val="60"/>
                <c:pt idx="0">
                  <c:v>30</c:v>
                </c:pt>
                <c:pt idx="1">
                  <c:v>29.572347263107034</c:v>
                </c:pt>
                <c:pt idx="2">
                  <c:v>29.635248536832002</c:v>
                </c:pt>
                <c:pt idx="3">
                  <c:v>29.371298421733922</c:v>
                </c:pt>
                <c:pt idx="4">
                  <c:v>29.504094086974725</c:v>
                </c:pt>
                <c:pt idx="5">
                  <c:v>29.887758418909428</c:v>
                </c:pt>
                <c:pt idx="6">
                  <c:v>28.991077759506087</c:v>
                </c:pt>
                <c:pt idx="7">
                  <c:v>29.008229417134316</c:v>
                </c:pt>
                <c:pt idx="8">
                  <c:v>28.789768758175363</c:v>
                </c:pt>
                <c:pt idx="9">
                  <c:v>29.957260194131138</c:v>
                </c:pt>
                <c:pt idx="10">
                  <c:v>30.190876694212463</c:v>
                </c:pt>
                <c:pt idx="11">
                  <c:v>29.712668743825574</c:v>
                </c:pt>
                <c:pt idx="12">
                  <c:v>29.962882541205541</c:v>
                </c:pt>
                <c:pt idx="13">
                  <c:v>30.472840668310049</c:v>
                </c:pt>
                <c:pt idx="14">
                  <c:v>30.885493412482113</c:v>
                </c:pt>
                <c:pt idx="15">
                  <c:v>29.402619108621483</c:v>
                </c:pt>
                <c:pt idx="16">
                  <c:v>29.792895181558578</c:v>
                </c:pt>
                <c:pt idx="17">
                  <c:v>29.754942343577248</c:v>
                </c:pt>
                <c:pt idx="18">
                  <c:v>29.947244750965272</c:v>
                </c:pt>
                <c:pt idx="19">
                  <c:v>30.321181441069587</c:v>
                </c:pt>
                <c:pt idx="20">
                  <c:v>30.52529406552112</c:v>
                </c:pt>
                <c:pt idx="21">
                  <c:v>30.70859792162814</c:v>
                </c:pt>
                <c:pt idx="22">
                  <c:v>30.630280375569107</c:v>
                </c:pt>
                <c:pt idx="23">
                  <c:v>30.509287574450518</c:v>
                </c:pt>
                <c:pt idx="24">
                  <c:v>30.920296046140741</c:v>
                </c:pt>
                <c:pt idx="25">
                  <c:v>30.597484123023776</c:v>
                </c:pt>
                <c:pt idx="26">
                  <c:v>31.044484985053661</c:v>
                </c:pt>
                <c:pt idx="27">
                  <c:v>30.597887229234065</c:v>
                </c:pt>
                <c:pt idx="28">
                  <c:v>31.403970309266189</c:v>
                </c:pt>
                <c:pt idx="29">
                  <c:v>30.828643630687168</c:v>
                </c:pt>
                <c:pt idx="30">
                  <c:v>32.762437463013775</c:v>
                </c:pt>
                <c:pt idx="31">
                  <c:v>32.950595888648998</c:v>
                </c:pt>
                <c:pt idx="32">
                  <c:v>32.286650701810025</c:v>
                </c:pt>
                <c:pt idx="33">
                  <c:v>32.439734630639499</c:v>
                </c:pt>
                <c:pt idx="34">
                  <c:v>32.405534082800422</c:v>
                </c:pt>
                <c:pt idx="35">
                  <c:v>32.624744642289855</c:v>
                </c:pt>
                <c:pt idx="36">
                  <c:v>33.222999383687231</c:v>
                </c:pt>
                <c:pt idx="37">
                  <c:v>33.476136880419183</c:v>
                </c:pt>
                <c:pt idx="38">
                  <c:v>33.142706778506309</c:v>
                </c:pt>
                <c:pt idx="39">
                  <c:v>33.441646692686717</c:v>
                </c:pt>
                <c:pt idx="40">
                  <c:v>33.125906840324333</c:v>
                </c:pt>
                <c:pt idx="41">
                  <c:v>34.264499403427685</c:v>
                </c:pt>
                <c:pt idx="42">
                  <c:v>34.37546665820129</c:v>
                </c:pt>
                <c:pt idx="43">
                  <c:v>34.350228112353598</c:v>
                </c:pt>
                <c:pt idx="44">
                  <c:v>35.758268924443328</c:v>
                </c:pt>
                <c:pt idx="45">
                  <c:v>35.777693647902005</c:v>
                </c:pt>
                <c:pt idx="46">
                  <c:v>35.65686229715061</c:v>
                </c:pt>
                <c:pt idx="47">
                  <c:v>36.306662234967092</c:v>
                </c:pt>
                <c:pt idx="48">
                  <c:v>36.802291222267414</c:v>
                </c:pt>
                <c:pt idx="49">
                  <c:v>36.98982811285574</c:v>
                </c:pt>
                <c:pt idx="50">
                  <c:v>37.178938653530103</c:v>
                </c:pt>
                <c:pt idx="51">
                  <c:v>37.143406760903659</c:v>
                </c:pt>
                <c:pt idx="52">
                  <c:v>37.303001396410664</c:v>
                </c:pt>
                <c:pt idx="53">
                  <c:v>36.949109637784957</c:v>
                </c:pt>
                <c:pt idx="54">
                  <c:v>36.862572008618791</c:v>
                </c:pt>
                <c:pt idx="55">
                  <c:v>36.443076703479392</c:v>
                </c:pt>
                <c:pt idx="56">
                  <c:v>36.811466220412576</c:v>
                </c:pt>
                <c:pt idx="57">
                  <c:v>36.82182164724172</c:v>
                </c:pt>
                <c:pt idx="58">
                  <c:v>38.194165267956492</c:v>
                </c:pt>
                <c:pt idx="59">
                  <c:v>38.681622142111124</c:v>
                </c:pt>
              </c:numCache>
            </c:numRef>
          </c:val>
          <c:smooth val="0"/>
        </c:ser>
        <c:ser>
          <c:idx val="1"/>
          <c:order val="1"/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'Sheet1 (2)'!$U$2:$U$61</c:f>
              <c:numCache>
                <c:formatCode>General</c:formatCode>
                <c:ptCount val="60"/>
                <c:pt idx="0">
                  <c:v>50</c:v>
                </c:pt>
                <c:pt idx="1">
                  <c:v>49.835744634635482</c:v>
                </c:pt>
                <c:pt idx="2">
                  <c:v>49.073602949904405</c:v>
                </c:pt>
                <c:pt idx="3">
                  <c:v>49.227081155221775</c:v>
                </c:pt>
                <c:pt idx="4">
                  <c:v>49.268485448621348</c:v>
                </c:pt>
                <c:pt idx="5">
                  <c:v>50.092610237191025</c:v>
                </c:pt>
                <c:pt idx="6">
                  <c:v>51.907358215107102</c:v>
                </c:pt>
                <c:pt idx="7">
                  <c:v>53.036089389082342</c:v>
                </c:pt>
                <c:pt idx="8">
                  <c:v>51.831416249747015</c:v>
                </c:pt>
                <c:pt idx="9">
                  <c:v>51.620660765486853</c:v>
                </c:pt>
                <c:pt idx="10">
                  <c:v>53.070639974455766</c:v>
                </c:pt>
                <c:pt idx="11">
                  <c:v>55.097382393211035</c:v>
                </c:pt>
                <c:pt idx="12">
                  <c:v>55.170475208383536</c:v>
                </c:pt>
                <c:pt idx="13">
                  <c:v>54.715088484873974</c:v>
                </c:pt>
                <c:pt idx="14">
                  <c:v>55.167447667810769</c:v>
                </c:pt>
                <c:pt idx="15">
                  <c:v>56.409521058544726</c:v>
                </c:pt>
                <c:pt idx="16">
                  <c:v>56.242031428229993</c:v>
                </c:pt>
                <c:pt idx="17">
                  <c:v>56.216884700213981</c:v>
                </c:pt>
                <c:pt idx="18">
                  <c:v>56.148417068128012</c:v>
                </c:pt>
                <c:pt idx="19">
                  <c:v>55.907064466279408</c:v>
                </c:pt>
                <c:pt idx="20">
                  <c:v>58.012652551861478</c:v>
                </c:pt>
                <c:pt idx="21">
                  <c:v>58.585739585575801</c:v>
                </c:pt>
                <c:pt idx="22">
                  <c:v>58.943684952052358</c:v>
                </c:pt>
                <c:pt idx="23">
                  <c:v>58.914372951711293</c:v>
                </c:pt>
                <c:pt idx="24">
                  <c:v>58.062228058707838</c:v>
                </c:pt>
                <c:pt idx="25">
                  <c:v>58.719757533769325</c:v>
                </c:pt>
                <c:pt idx="26">
                  <c:v>59.474150166228448</c:v>
                </c:pt>
                <c:pt idx="27">
                  <c:v>59.635230877188484</c:v>
                </c:pt>
                <c:pt idx="28">
                  <c:v>58.889123362524899</c:v>
                </c:pt>
                <c:pt idx="29">
                  <c:v>57.854512551324454</c:v>
                </c:pt>
                <c:pt idx="30">
                  <c:v>56.797319623664379</c:v>
                </c:pt>
                <c:pt idx="31">
                  <c:v>56.579984660557692</c:v>
                </c:pt>
                <c:pt idx="32">
                  <c:v>55.729220841876426</c:v>
                </c:pt>
                <c:pt idx="33">
                  <c:v>56.187314158596955</c:v>
                </c:pt>
                <c:pt idx="34">
                  <c:v>55.703416455886497</c:v>
                </c:pt>
                <c:pt idx="35">
                  <c:v>55.839411314292683</c:v>
                </c:pt>
                <c:pt idx="36">
                  <c:v>55.863845145985387</c:v>
                </c:pt>
                <c:pt idx="37">
                  <c:v>54.516773669136931</c:v>
                </c:pt>
                <c:pt idx="38">
                  <c:v>54.760071677737329</c:v>
                </c:pt>
                <c:pt idx="39">
                  <c:v>54.591624341775336</c:v>
                </c:pt>
                <c:pt idx="40">
                  <c:v>54.427480111331349</c:v>
                </c:pt>
                <c:pt idx="41">
                  <c:v>54.205168651662966</c:v>
                </c:pt>
                <c:pt idx="42">
                  <c:v>55.136381695228692</c:v>
                </c:pt>
                <c:pt idx="43">
                  <c:v>53.985947386990603</c:v>
                </c:pt>
                <c:pt idx="44">
                  <c:v>54.41318025552539</c:v>
                </c:pt>
                <c:pt idx="45">
                  <c:v>52.903594237626379</c:v>
                </c:pt>
                <c:pt idx="46">
                  <c:v>51.67111550935013</c:v>
                </c:pt>
                <c:pt idx="47">
                  <c:v>50.982201215446032</c:v>
                </c:pt>
                <c:pt idx="48">
                  <c:v>50.128796570075934</c:v>
                </c:pt>
                <c:pt idx="49">
                  <c:v>49.522670286739896</c:v>
                </c:pt>
                <c:pt idx="50">
                  <c:v>50.249358472487017</c:v>
                </c:pt>
                <c:pt idx="51">
                  <c:v>48.864392729766102</c:v>
                </c:pt>
                <c:pt idx="52">
                  <c:v>47.940138041755148</c:v>
                </c:pt>
                <c:pt idx="53">
                  <c:v>47.449307414024787</c:v>
                </c:pt>
                <c:pt idx="54">
                  <c:v>46.497511246167463</c:v>
                </c:pt>
                <c:pt idx="55">
                  <c:v>46.272237334177454</c:v>
                </c:pt>
                <c:pt idx="56">
                  <c:v>45.903357148611747</c:v>
                </c:pt>
                <c:pt idx="57">
                  <c:v>44.281491318461789</c:v>
                </c:pt>
                <c:pt idx="58">
                  <c:v>43.85201521689013</c:v>
                </c:pt>
                <c:pt idx="59">
                  <c:v>44.198614406849003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16961984"/>
        <c:axId val="216962376"/>
      </c:lineChart>
      <c:catAx>
        <c:axId val="216961984"/>
        <c:scaling>
          <c:orientation val="minMax"/>
        </c:scaling>
        <c:delete val="1"/>
        <c:axPos val="b"/>
        <c:majorTickMark val="none"/>
        <c:minorTickMark val="none"/>
        <c:tickLblPos val="nextTo"/>
        <c:crossAx val="216962376"/>
        <c:crosses val="autoZero"/>
        <c:auto val="1"/>
        <c:lblAlgn val="ctr"/>
        <c:lblOffset val="100"/>
        <c:noMultiLvlLbl val="0"/>
      </c:catAx>
      <c:valAx>
        <c:axId val="216962376"/>
        <c:scaling>
          <c:orientation val="minMax"/>
          <c:max val="70"/>
          <c:min val="2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696198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'Sheet1 (2)'!$V$2:$V$61</c:f>
              <c:numCache>
                <c:formatCode>General</c:formatCode>
                <c:ptCount val="60"/>
                <c:pt idx="0">
                  <c:v>30</c:v>
                </c:pt>
                <c:pt idx="1">
                  <c:v>29.572347263107034</c:v>
                </c:pt>
                <c:pt idx="2">
                  <c:v>29.635248536832002</c:v>
                </c:pt>
                <c:pt idx="3">
                  <c:v>29.371298421733922</c:v>
                </c:pt>
                <c:pt idx="4">
                  <c:v>29.504094086974725</c:v>
                </c:pt>
                <c:pt idx="5">
                  <c:v>29.887758418909428</c:v>
                </c:pt>
                <c:pt idx="6">
                  <c:v>28.991077759506087</c:v>
                </c:pt>
                <c:pt idx="7">
                  <c:v>29.008229417134316</c:v>
                </c:pt>
                <c:pt idx="8">
                  <c:v>28.789768758175363</c:v>
                </c:pt>
                <c:pt idx="9">
                  <c:v>29.957260194131138</c:v>
                </c:pt>
                <c:pt idx="10">
                  <c:v>30.190876694212463</c:v>
                </c:pt>
                <c:pt idx="11">
                  <c:v>29.712668743825574</c:v>
                </c:pt>
                <c:pt idx="12">
                  <c:v>29.962882541205541</c:v>
                </c:pt>
                <c:pt idx="13">
                  <c:v>30.472840668310049</c:v>
                </c:pt>
                <c:pt idx="14">
                  <c:v>30.885493412482113</c:v>
                </c:pt>
                <c:pt idx="15">
                  <c:v>29.402619108621483</c:v>
                </c:pt>
                <c:pt idx="16">
                  <c:v>29.792895181558578</c:v>
                </c:pt>
                <c:pt idx="17">
                  <c:v>29.754942343577248</c:v>
                </c:pt>
                <c:pt idx="18">
                  <c:v>29.947244750965272</c:v>
                </c:pt>
                <c:pt idx="19">
                  <c:v>30.321181441069587</c:v>
                </c:pt>
                <c:pt idx="20">
                  <c:v>30.52529406552112</c:v>
                </c:pt>
                <c:pt idx="21">
                  <c:v>30.70859792162814</c:v>
                </c:pt>
                <c:pt idx="22">
                  <c:v>30.630280375569107</c:v>
                </c:pt>
                <c:pt idx="23">
                  <c:v>30.509287574450518</c:v>
                </c:pt>
                <c:pt idx="24">
                  <c:v>30.920296046140741</c:v>
                </c:pt>
                <c:pt idx="25">
                  <c:v>30.597484123023776</c:v>
                </c:pt>
                <c:pt idx="26">
                  <c:v>31.044484985053661</c:v>
                </c:pt>
                <c:pt idx="27">
                  <c:v>30.597887229234065</c:v>
                </c:pt>
                <c:pt idx="28">
                  <c:v>31.403970309266189</c:v>
                </c:pt>
                <c:pt idx="29">
                  <c:v>30.828643630687168</c:v>
                </c:pt>
                <c:pt idx="30">
                  <c:v>31.597887311800811</c:v>
                </c:pt>
                <c:pt idx="31">
                  <c:v>32.410483568971316</c:v>
                </c:pt>
                <c:pt idx="32">
                  <c:v>33.78009611727871</c:v>
                </c:pt>
                <c:pt idx="33">
                  <c:v>33.564646692831793</c:v>
                </c:pt>
                <c:pt idx="34">
                  <c:v>34.734751731002362</c:v>
                </c:pt>
                <c:pt idx="35">
                  <c:v>36.03657107837774</c:v>
                </c:pt>
                <c:pt idx="36">
                  <c:v>38.166049705981777</c:v>
                </c:pt>
                <c:pt idx="37">
                  <c:v>39.244999009523617</c:v>
                </c:pt>
                <c:pt idx="38">
                  <c:v>40.577653475863777</c:v>
                </c:pt>
                <c:pt idx="39">
                  <c:v>41.981243835591641</c:v>
                </c:pt>
                <c:pt idx="40">
                  <c:v>41.366985865177831</c:v>
                </c:pt>
                <c:pt idx="41">
                  <c:v>43.303804726461408</c:v>
                </c:pt>
                <c:pt idx="42">
                  <c:v>44.042472182504021</c:v>
                </c:pt>
                <c:pt idx="43">
                  <c:v>44.894225257135268</c:v>
                </c:pt>
                <c:pt idx="44">
                  <c:v>46.45222357649061</c:v>
                </c:pt>
                <c:pt idx="45">
                  <c:v>49.811321605356611</c:v>
                </c:pt>
                <c:pt idx="46">
                  <c:v>50.56069352903333</c:v>
                </c:pt>
                <c:pt idx="47">
                  <c:v>51.287208363571494</c:v>
                </c:pt>
                <c:pt idx="48">
                  <c:v>53.173158153968267</c:v>
                </c:pt>
                <c:pt idx="49">
                  <c:v>54.694756250412176</c:v>
                </c:pt>
                <c:pt idx="50">
                  <c:v>55.052330870199143</c:v>
                </c:pt>
                <c:pt idx="51">
                  <c:v>55.834050003876101</c:v>
                </c:pt>
                <c:pt idx="52">
                  <c:v>59.052489570871209</c:v>
                </c:pt>
                <c:pt idx="53">
                  <c:v>61.438895463477593</c:v>
                </c:pt>
                <c:pt idx="54">
                  <c:v>61.494959970847319</c:v>
                </c:pt>
                <c:pt idx="55">
                  <c:v>61.934062572324031</c:v>
                </c:pt>
                <c:pt idx="56">
                  <c:v>65.029088252158957</c:v>
                </c:pt>
                <c:pt idx="57">
                  <c:v>65.795646923129453</c:v>
                </c:pt>
                <c:pt idx="58">
                  <c:v>67.224803282226034</c:v>
                </c:pt>
                <c:pt idx="59">
                  <c:v>68.402056789801037</c:v>
                </c:pt>
              </c:numCache>
            </c:numRef>
          </c:val>
          <c:smooth val="0"/>
        </c:ser>
        <c:ser>
          <c:idx val="1"/>
          <c:order val="1"/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'Sheet1 (2)'!$W$2:$W$61</c:f>
              <c:numCache>
                <c:formatCode>General</c:formatCode>
                <c:ptCount val="60"/>
                <c:pt idx="0">
                  <c:v>50</c:v>
                </c:pt>
                <c:pt idx="1">
                  <c:v>49.835744634635482</c:v>
                </c:pt>
                <c:pt idx="2">
                  <c:v>49.073602949904405</c:v>
                </c:pt>
                <c:pt idx="3">
                  <c:v>49.227081155221775</c:v>
                </c:pt>
                <c:pt idx="4">
                  <c:v>49.268485448621348</c:v>
                </c:pt>
                <c:pt idx="5">
                  <c:v>50.092610237191025</c:v>
                </c:pt>
                <c:pt idx="6">
                  <c:v>51.907358215107102</c:v>
                </c:pt>
                <c:pt idx="7">
                  <c:v>53.036089389082342</c:v>
                </c:pt>
                <c:pt idx="8">
                  <c:v>51.831416249747015</c:v>
                </c:pt>
                <c:pt idx="9">
                  <c:v>51.620660765486853</c:v>
                </c:pt>
                <c:pt idx="10">
                  <c:v>53.070639974455766</c:v>
                </c:pt>
                <c:pt idx="11">
                  <c:v>55.097382393211035</c:v>
                </c:pt>
                <c:pt idx="12">
                  <c:v>55.170475208383536</c:v>
                </c:pt>
                <c:pt idx="13">
                  <c:v>54.715088484873974</c:v>
                </c:pt>
                <c:pt idx="14">
                  <c:v>55.167447667810769</c:v>
                </c:pt>
                <c:pt idx="15">
                  <c:v>56.409521058544726</c:v>
                </c:pt>
                <c:pt idx="16">
                  <c:v>56.242031428229993</c:v>
                </c:pt>
                <c:pt idx="17">
                  <c:v>56.216884700213981</c:v>
                </c:pt>
                <c:pt idx="18">
                  <c:v>56.148417068128012</c:v>
                </c:pt>
                <c:pt idx="19">
                  <c:v>55.907064466279408</c:v>
                </c:pt>
                <c:pt idx="20">
                  <c:v>58.012652551861478</c:v>
                </c:pt>
                <c:pt idx="21">
                  <c:v>58.585739585575801</c:v>
                </c:pt>
                <c:pt idx="22">
                  <c:v>58.943684952052358</c:v>
                </c:pt>
                <c:pt idx="23">
                  <c:v>58.914372951711293</c:v>
                </c:pt>
                <c:pt idx="24">
                  <c:v>58.062228058707838</c:v>
                </c:pt>
                <c:pt idx="25">
                  <c:v>58.719757533769325</c:v>
                </c:pt>
                <c:pt idx="26">
                  <c:v>59.474150166228448</c:v>
                </c:pt>
                <c:pt idx="27">
                  <c:v>59.635230877188484</c:v>
                </c:pt>
                <c:pt idx="28">
                  <c:v>58.889123362524899</c:v>
                </c:pt>
                <c:pt idx="29">
                  <c:v>57.854512551324454</c:v>
                </c:pt>
                <c:pt idx="30">
                  <c:v>58.15506106659717</c:v>
                </c:pt>
                <c:pt idx="31">
                  <c:v>58.17009841232462</c:v>
                </c:pt>
                <c:pt idx="32">
                  <c:v>60.092706740988632</c:v>
                </c:pt>
                <c:pt idx="33">
                  <c:v>60.609949127125624</c:v>
                </c:pt>
                <c:pt idx="34">
                  <c:v>62.066222956641539</c:v>
                </c:pt>
                <c:pt idx="35">
                  <c:v>62.939781499550428</c:v>
                </c:pt>
                <c:pt idx="36">
                  <c:v>65.69044688806423</c:v>
                </c:pt>
                <c:pt idx="37">
                  <c:v>66.840121674916375</c:v>
                </c:pt>
                <c:pt idx="38">
                  <c:v>68.043492613181357</c:v>
                </c:pt>
                <c:pt idx="39">
                  <c:v>68.806324024484425</c:v>
                </c:pt>
                <c:pt idx="40">
                  <c:v>68.940636395080958</c:v>
                </c:pt>
                <c:pt idx="41">
                  <c:v>70.447383358762082</c:v>
                </c:pt>
                <c:pt idx="42">
                  <c:v>71.743711843997744</c:v>
                </c:pt>
                <c:pt idx="43">
                  <c:v>70.843441558153202</c:v>
                </c:pt>
                <c:pt idx="44">
                  <c:v>68.921300260238553</c:v>
                </c:pt>
                <c:pt idx="45">
                  <c:v>70.32772475278783</c:v>
                </c:pt>
                <c:pt idx="46">
                  <c:v>71.20250627887512</c:v>
                </c:pt>
                <c:pt idx="47">
                  <c:v>73.351065426016675</c:v>
                </c:pt>
                <c:pt idx="48">
                  <c:v>75.004835679733759</c:v>
                </c:pt>
                <c:pt idx="49">
                  <c:v>75.199408173626466</c:v>
                </c:pt>
                <c:pt idx="50">
                  <c:v>74.73798481151421</c:v>
                </c:pt>
                <c:pt idx="51">
                  <c:v>74.169161464444173</c:v>
                </c:pt>
                <c:pt idx="52">
                  <c:v>76.581092281121954</c:v>
                </c:pt>
                <c:pt idx="53">
                  <c:v>76.226395286208202</c:v>
                </c:pt>
                <c:pt idx="54">
                  <c:v>78.318325254118946</c:v>
                </c:pt>
                <c:pt idx="55">
                  <c:v>78.559908979779919</c:v>
                </c:pt>
                <c:pt idx="56">
                  <c:v>78.201615273185823</c:v>
                </c:pt>
                <c:pt idx="57">
                  <c:v>77.315534879540195</c:v>
                </c:pt>
                <c:pt idx="58">
                  <c:v>78.053912714719857</c:v>
                </c:pt>
                <c:pt idx="59">
                  <c:v>79.841109432543021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16963160"/>
        <c:axId val="216963552"/>
      </c:lineChart>
      <c:catAx>
        <c:axId val="216963160"/>
        <c:scaling>
          <c:orientation val="minMax"/>
        </c:scaling>
        <c:delete val="1"/>
        <c:axPos val="b"/>
        <c:majorTickMark val="none"/>
        <c:minorTickMark val="none"/>
        <c:tickLblPos val="nextTo"/>
        <c:crossAx val="216963552"/>
        <c:crosses val="autoZero"/>
        <c:auto val="1"/>
        <c:lblAlgn val="ctr"/>
        <c:lblOffset val="100"/>
        <c:noMultiLvlLbl val="0"/>
      </c:catAx>
      <c:valAx>
        <c:axId val="216963552"/>
        <c:scaling>
          <c:orientation val="minMax"/>
          <c:max val="75"/>
          <c:min val="2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696316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lineChart>
        <c:grouping val="standard"/>
        <c:varyColors val="0"/>
        <c:ser>
          <c:idx val="0"/>
          <c:order val="0"/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none"/>
          </c:marker>
          <c:val>
            <c:numRef>
              <c:f>'Sheet1 (2)'!$X$2:$X$61</c:f>
              <c:numCache>
                <c:formatCode>General</c:formatCode>
                <c:ptCount val="60"/>
                <c:pt idx="0">
                  <c:v>30</c:v>
                </c:pt>
                <c:pt idx="1">
                  <c:v>29.572347263107034</c:v>
                </c:pt>
                <c:pt idx="2">
                  <c:v>29.635248536832002</c:v>
                </c:pt>
                <c:pt idx="3">
                  <c:v>29.371298421733922</c:v>
                </c:pt>
                <c:pt idx="4">
                  <c:v>29.504094086974725</c:v>
                </c:pt>
                <c:pt idx="5">
                  <c:v>29.887758418909428</c:v>
                </c:pt>
                <c:pt idx="6">
                  <c:v>28.991077759506087</c:v>
                </c:pt>
                <c:pt idx="7">
                  <c:v>29.008229417134316</c:v>
                </c:pt>
                <c:pt idx="8">
                  <c:v>28.789768758175363</c:v>
                </c:pt>
                <c:pt idx="9">
                  <c:v>29.957260194131138</c:v>
                </c:pt>
                <c:pt idx="10">
                  <c:v>30.190876694212463</c:v>
                </c:pt>
                <c:pt idx="11">
                  <c:v>29.712668743825574</c:v>
                </c:pt>
                <c:pt idx="12">
                  <c:v>29.962882541205541</c:v>
                </c:pt>
                <c:pt idx="13">
                  <c:v>30.472840668310049</c:v>
                </c:pt>
                <c:pt idx="14">
                  <c:v>30.885493412482113</c:v>
                </c:pt>
                <c:pt idx="15">
                  <c:v>29.402619108621483</c:v>
                </c:pt>
                <c:pt idx="16">
                  <c:v>29.792895181558578</c:v>
                </c:pt>
                <c:pt idx="17">
                  <c:v>29.754942343577248</c:v>
                </c:pt>
                <c:pt idx="18">
                  <c:v>29.947244750965272</c:v>
                </c:pt>
                <c:pt idx="19">
                  <c:v>30.321181441069587</c:v>
                </c:pt>
                <c:pt idx="20">
                  <c:v>30.52529406552112</c:v>
                </c:pt>
                <c:pt idx="21">
                  <c:v>30.70859792162814</c:v>
                </c:pt>
                <c:pt idx="22">
                  <c:v>30.630280375569107</c:v>
                </c:pt>
                <c:pt idx="23">
                  <c:v>30.509287574450518</c:v>
                </c:pt>
                <c:pt idx="24">
                  <c:v>30.920296046140741</c:v>
                </c:pt>
                <c:pt idx="25">
                  <c:v>30.597484123023776</c:v>
                </c:pt>
                <c:pt idx="26">
                  <c:v>31.044484985053661</c:v>
                </c:pt>
                <c:pt idx="27">
                  <c:v>30.597887229234065</c:v>
                </c:pt>
                <c:pt idx="28">
                  <c:v>31.403970309266189</c:v>
                </c:pt>
                <c:pt idx="29">
                  <c:v>30.828643630687168</c:v>
                </c:pt>
                <c:pt idx="30">
                  <c:v>30.162499369425269</c:v>
                </c:pt>
                <c:pt idx="31">
                  <c:v>29.600779352468326</c:v>
                </c:pt>
                <c:pt idx="32">
                  <c:v>29.504930592732673</c:v>
                </c:pt>
                <c:pt idx="33">
                  <c:v>29.521130861085965</c:v>
                </c:pt>
                <c:pt idx="34">
                  <c:v>29.109002775892062</c:v>
                </c:pt>
                <c:pt idx="35">
                  <c:v>28.829394862771398</c:v>
                </c:pt>
                <c:pt idx="36">
                  <c:v>28.416343578557424</c:v>
                </c:pt>
                <c:pt idx="37">
                  <c:v>28.35636802627511</c:v>
                </c:pt>
                <c:pt idx="38">
                  <c:v>28.222259045329253</c:v>
                </c:pt>
                <c:pt idx="39">
                  <c:v>28.339879563365184</c:v>
                </c:pt>
                <c:pt idx="40">
                  <c:v>28.253789099006216</c:v>
                </c:pt>
                <c:pt idx="41">
                  <c:v>28.105913579125183</c:v>
                </c:pt>
                <c:pt idx="42">
                  <c:v>27.560312933355135</c:v>
                </c:pt>
                <c:pt idx="43">
                  <c:v>27.210373655680296</c:v>
                </c:pt>
                <c:pt idx="44">
                  <c:v>26.358042569904612</c:v>
                </c:pt>
                <c:pt idx="45">
                  <c:v>25.950935401671504</c:v>
                </c:pt>
                <c:pt idx="46">
                  <c:v>25.346558593749304</c:v>
                </c:pt>
                <c:pt idx="47">
                  <c:v>25.193097434298092</c:v>
                </c:pt>
                <c:pt idx="48">
                  <c:v>25.23017385775788</c:v>
                </c:pt>
                <c:pt idx="49">
                  <c:v>25.391967265345933</c:v>
                </c:pt>
                <c:pt idx="50">
                  <c:v>25.105015393918684</c:v>
                </c:pt>
                <c:pt idx="51">
                  <c:v>24.711704053389649</c:v>
                </c:pt>
                <c:pt idx="52">
                  <c:v>24.49852527551851</c:v>
                </c:pt>
                <c:pt idx="53">
                  <c:v>24.71021374656755</c:v>
                </c:pt>
                <c:pt idx="54">
                  <c:v>24.380150193083004</c:v>
                </c:pt>
                <c:pt idx="55">
                  <c:v>24.129272671405666</c:v>
                </c:pt>
                <c:pt idx="56">
                  <c:v>23.504488382474502</c:v>
                </c:pt>
                <c:pt idx="57">
                  <c:v>23.078240860626369</c:v>
                </c:pt>
                <c:pt idx="58">
                  <c:v>22.574134266911457</c:v>
                </c:pt>
                <c:pt idx="59">
                  <c:v>22.876343143994369</c:v>
                </c:pt>
              </c:numCache>
            </c:numRef>
          </c:val>
          <c:smooth val="0"/>
        </c:ser>
        <c:ser>
          <c:idx val="1"/>
          <c:order val="1"/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none"/>
          </c:marker>
          <c:val>
            <c:numRef>
              <c:f>'Sheet1 (2)'!$Y$2:$Y$61</c:f>
              <c:numCache>
                <c:formatCode>General</c:formatCode>
                <c:ptCount val="60"/>
                <c:pt idx="0">
                  <c:v>50</c:v>
                </c:pt>
                <c:pt idx="1">
                  <c:v>49.835744634635482</c:v>
                </c:pt>
                <c:pt idx="2">
                  <c:v>49.073602949904405</c:v>
                </c:pt>
                <c:pt idx="3">
                  <c:v>49.227081155221775</c:v>
                </c:pt>
                <c:pt idx="4">
                  <c:v>49.268485448621348</c:v>
                </c:pt>
                <c:pt idx="5">
                  <c:v>50.092610237191025</c:v>
                </c:pt>
                <c:pt idx="6">
                  <c:v>51.907358215107102</c:v>
                </c:pt>
                <c:pt idx="7">
                  <c:v>53.036089389082342</c:v>
                </c:pt>
                <c:pt idx="8">
                  <c:v>51.831416249747015</c:v>
                </c:pt>
                <c:pt idx="9">
                  <c:v>51.620660765486853</c:v>
                </c:pt>
                <c:pt idx="10">
                  <c:v>53.070639974455766</c:v>
                </c:pt>
                <c:pt idx="11">
                  <c:v>55.097382393211035</c:v>
                </c:pt>
                <c:pt idx="12">
                  <c:v>55.170475208383536</c:v>
                </c:pt>
                <c:pt idx="13">
                  <c:v>54.715088484873974</c:v>
                </c:pt>
                <c:pt idx="14">
                  <c:v>55.167447667810769</c:v>
                </c:pt>
                <c:pt idx="15">
                  <c:v>56.409521058544726</c:v>
                </c:pt>
                <c:pt idx="16">
                  <c:v>56.242031428229993</c:v>
                </c:pt>
                <c:pt idx="17">
                  <c:v>56.216884700213981</c:v>
                </c:pt>
                <c:pt idx="18">
                  <c:v>56.148417068128012</c:v>
                </c:pt>
                <c:pt idx="19">
                  <c:v>55.907064466279408</c:v>
                </c:pt>
                <c:pt idx="20">
                  <c:v>58.012652551861478</c:v>
                </c:pt>
                <c:pt idx="21">
                  <c:v>58.585739585575801</c:v>
                </c:pt>
                <c:pt idx="22">
                  <c:v>58.943684952052358</c:v>
                </c:pt>
                <c:pt idx="23">
                  <c:v>58.914372951711293</c:v>
                </c:pt>
                <c:pt idx="24">
                  <c:v>58.062228058707838</c:v>
                </c:pt>
                <c:pt idx="25">
                  <c:v>58.719757533769325</c:v>
                </c:pt>
                <c:pt idx="26">
                  <c:v>59.474150166228448</c:v>
                </c:pt>
                <c:pt idx="27">
                  <c:v>59.635230877188484</c:v>
                </c:pt>
                <c:pt idx="28">
                  <c:v>58.889123362524899</c:v>
                </c:pt>
                <c:pt idx="29">
                  <c:v>57.854512551324454</c:v>
                </c:pt>
                <c:pt idx="30">
                  <c:v>57.550695962317072</c:v>
                </c:pt>
                <c:pt idx="31">
                  <c:v>54.774971039335696</c:v>
                </c:pt>
                <c:pt idx="32">
                  <c:v>54.168867429355124</c:v>
                </c:pt>
                <c:pt idx="33">
                  <c:v>52.685021344274979</c:v>
                </c:pt>
                <c:pt idx="34">
                  <c:v>50.047929801368419</c:v>
                </c:pt>
                <c:pt idx="35">
                  <c:v>49.900858474106016</c:v>
                </c:pt>
                <c:pt idx="36">
                  <c:v>48.142617316635963</c:v>
                </c:pt>
                <c:pt idx="37">
                  <c:v>47.243592513616207</c:v>
                </c:pt>
                <c:pt idx="38">
                  <c:v>45.351824379513218</c:v>
                </c:pt>
                <c:pt idx="39">
                  <c:v>45.004123217343249</c:v>
                </c:pt>
                <c:pt idx="40">
                  <c:v>43.583865382120962</c:v>
                </c:pt>
                <c:pt idx="41">
                  <c:v>41.794065602750109</c:v>
                </c:pt>
                <c:pt idx="42">
                  <c:v>40.699274756720989</c:v>
                </c:pt>
                <c:pt idx="43">
                  <c:v>39.330837217691226</c:v>
                </c:pt>
                <c:pt idx="44">
                  <c:v>37.914894694666437</c:v>
                </c:pt>
                <c:pt idx="45">
                  <c:v>36.4761143293617</c:v>
                </c:pt>
                <c:pt idx="46">
                  <c:v>35.449301747755115</c:v>
                </c:pt>
                <c:pt idx="47">
                  <c:v>34.452329657977401</c:v>
                </c:pt>
                <c:pt idx="48">
                  <c:v>34.170323153674929</c:v>
                </c:pt>
                <c:pt idx="49">
                  <c:v>33.365323447905524</c:v>
                </c:pt>
                <c:pt idx="50">
                  <c:v>32.661962219734839</c:v>
                </c:pt>
                <c:pt idx="51">
                  <c:v>31.656157414680692</c:v>
                </c:pt>
                <c:pt idx="52">
                  <c:v>31.547376258656346</c:v>
                </c:pt>
                <c:pt idx="53">
                  <c:v>31.166424631199529</c:v>
                </c:pt>
                <c:pt idx="54">
                  <c:v>30.067326306508317</c:v>
                </c:pt>
                <c:pt idx="55">
                  <c:v>28.131176268356526</c:v>
                </c:pt>
                <c:pt idx="56">
                  <c:v>27.738616521221036</c:v>
                </c:pt>
                <c:pt idx="57">
                  <c:v>27.478117765575096</c:v>
                </c:pt>
                <c:pt idx="58">
                  <c:v>26.982516728170719</c:v>
                </c:pt>
                <c:pt idx="59">
                  <c:v>26.095766826632556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smooth val="0"/>
        <c:axId val="216964336"/>
        <c:axId val="216964728"/>
      </c:lineChart>
      <c:catAx>
        <c:axId val="216964336"/>
        <c:scaling>
          <c:orientation val="minMax"/>
        </c:scaling>
        <c:delete val="1"/>
        <c:axPos val="b"/>
        <c:majorTickMark val="none"/>
        <c:minorTickMark val="none"/>
        <c:tickLblPos val="nextTo"/>
        <c:crossAx val="216964728"/>
        <c:crosses val="autoZero"/>
        <c:auto val="1"/>
        <c:lblAlgn val="ctr"/>
        <c:lblOffset val="100"/>
        <c:noMultiLvlLbl val="0"/>
      </c:catAx>
      <c:valAx>
        <c:axId val="216964728"/>
        <c:scaling>
          <c:orientation val="minMax"/>
          <c:max val="70"/>
          <c:min val="2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216964336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2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solidFill>
        <a:schemeClr val="phClr"/>
      </a:solidFill>
    </cs:spPr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solidFill>
        <a:schemeClr val="phClr"/>
      </a:solidFill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CF7C9544-EA7C-6840-BDD4-8767F7405032}" type="doc">
      <dgm:prSet loTypeId="urn:microsoft.com/office/officeart/2005/8/layout/orgChart1" loCatId="" qsTypeId="urn:microsoft.com/office/officeart/2005/8/quickstyle/simple4" qsCatId="simple" csTypeId="urn:microsoft.com/office/officeart/2005/8/colors/accent1_2" csCatId="accent1" phldr="1"/>
      <dgm:spPr/>
      <dgm:t>
        <a:bodyPr/>
        <a:lstStyle/>
        <a:p>
          <a:endParaRPr lang="en-US"/>
        </a:p>
      </dgm:t>
    </dgm:pt>
    <dgm:pt modelId="{B4C423F2-EA8B-5D4A-91F3-9C613171A6F8}">
      <dgm:prSet phldrT="[Text]"/>
      <dgm:spPr/>
      <dgm:t>
        <a:bodyPr/>
        <a:lstStyle/>
        <a:p>
          <a:r>
            <a:rPr lang="en-US" dirty="0" smtClean="0"/>
            <a:t>Parent Company</a:t>
          </a:r>
          <a:endParaRPr lang="en-US" dirty="0"/>
        </a:p>
      </dgm:t>
    </dgm:pt>
    <dgm:pt modelId="{62C592D9-E11A-564C-80E7-AF695E56C35D}" type="parTrans" cxnId="{784383FE-BF41-E443-A23A-9A11752A1E84}">
      <dgm:prSet/>
      <dgm:spPr/>
      <dgm:t>
        <a:bodyPr/>
        <a:lstStyle/>
        <a:p>
          <a:endParaRPr lang="en-US"/>
        </a:p>
      </dgm:t>
    </dgm:pt>
    <dgm:pt modelId="{3B1EAE13-5B2D-644F-87EE-0F62E15DF084}" type="sibTrans" cxnId="{784383FE-BF41-E443-A23A-9A11752A1E84}">
      <dgm:prSet/>
      <dgm:spPr/>
      <dgm:t>
        <a:bodyPr/>
        <a:lstStyle/>
        <a:p>
          <a:endParaRPr lang="en-US"/>
        </a:p>
      </dgm:t>
    </dgm:pt>
    <dgm:pt modelId="{F4B20645-4CB6-784D-8410-4F42F8A08F20}">
      <dgm:prSet phldrT="[Text]"/>
      <dgm:spPr/>
      <dgm:t>
        <a:bodyPr/>
        <a:lstStyle/>
        <a:p>
          <a:r>
            <a:rPr lang="en-US" dirty="0" smtClean="0"/>
            <a:t>Subsidiary </a:t>
          </a:r>
          <a:endParaRPr lang="en-US" dirty="0"/>
        </a:p>
      </dgm:t>
    </dgm:pt>
    <dgm:pt modelId="{505DEE37-744B-3149-9CFA-1F673BDCF9CF}" type="parTrans" cxnId="{0B7D328E-05B7-ED4F-9873-E976A92C18AF}">
      <dgm:prSet/>
      <dgm:spPr/>
      <dgm:t>
        <a:bodyPr/>
        <a:lstStyle/>
        <a:p>
          <a:endParaRPr lang="en-US"/>
        </a:p>
      </dgm:t>
    </dgm:pt>
    <dgm:pt modelId="{5FE7D531-35BF-0145-8E0B-7AF713B71E09}" type="sibTrans" cxnId="{0B7D328E-05B7-ED4F-9873-E976A92C18AF}">
      <dgm:prSet/>
      <dgm:spPr/>
      <dgm:t>
        <a:bodyPr/>
        <a:lstStyle/>
        <a:p>
          <a:endParaRPr lang="en-US"/>
        </a:p>
      </dgm:t>
    </dgm:pt>
    <dgm:pt modelId="{06A7BB33-2F4D-F243-B116-0E3A123938AB}">
      <dgm:prSet phldrT="[Text]"/>
      <dgm:spPr/>
      <dgm:t>
        <a:bodyPr/>
        <a:lstStyle/>
        <a:p>
          <a:r>
            <a:rPr lang="en-US" dirty="0" smtClean="0"/>
            <a:t>Subsidiary </a:t>
          </a:r>
          <a:endParaRPr lang="en-US" dirty="0"/>
        </a:p>
      </dgm:t>
    </dgm:pt>
    <dgm:pt modelId="{E2C51DB7-A6A5-3946-854A-5315B481A7BD}" type="parTrans" cxnId="{FB37AC95-03D5-554B-9184-94901EE6D693}">
      <dgm:prSet/>
      <dgm:spPr/>
      <dgm:t>
        <a:bodyPr/>
        <a:lstStyle/>
        <a:p>
          <a:endParaRPr lang="en-US"/>
        </a:p>
      </dgm:t>
    </dgm:pt>
    <dgm:pt modelId="{4DBF6BED-5B25-9E44-AA46-F683D9AC1B28}" type="sibTrans" cxnId="{FB37AC95-03D5-554B-9184-94901EE6D693}">
      <dgm:prSet/>
      <dgm:spPr/>
      <dgm:t>
        <a:bodyPr/>
        <a:lstStyle/>
        <a:p>
          <a:endParaRPr lang="en-US"/>
        </a:p>
      </dgm:t>
    </dgm:pt>
    <dgm:pt modelId="{61BF8F12-13DA-2443-9D50-466D79C81A30}">
      <dgm:prSet phldrT="[Text]"/>
      <dgm:spPr/>
      <dgm:t>
        <a:bodyPr/>
        <a:lstStyle/>
        <a:p>
          <a:r>
            <a:rPr lang="en-US" dirty="0" smtClean="0"/>
            <a:t>Subsidiary </a:t>
          </a:r>
          <a:endParaRPr lang="en-US" dirty="0"/>
        </a:p>
      </dgm:t>
    </dgm:pt>
    <dgm:pt modelId="{0732A216-741C-EE4C-88F1-DDA6F1DE0A5E}" type="parTrans" cxnId="{6FC251C7-CC0A-3142-8924-8A978B01C8FB}">
      <dgm:prSet/>
      <dgm:spPr/>
      <dgm:t>
        <a:bodyPr/>
        <a:lstStyle/>
        <a:p>
          <a:endParaRPr lang="en-US"/>
        </a:p>
      </dgm:t>
    </dgm:pt>
    <dgm:pt modelId="{A693D78F-AFE7-5343-8A87-12B579DEAABA}" type="sibTrans" cxnId="{6FC251C7-CC0A-3142-8924-8A978B01C8FB}">
      <dgm:prSet/>
      <dgm:spPr/>
      <dgm:t>
        <a:bodyPr/>
        <a:lstStyle/>
        <a:p>
          <a:endParaRPr lang="en-US"/>
        </a:p>
      </dgm:t>
    </dgm:pt>
    <dgm:pt modelId="{2E1FE41D-0154-B84B-ABCD-73EDF528CF2B}" type="pres">
      <dgm:prSet presAssocID="{CF7C9544-EA7C-6840-BDD4-8767F7405032}" presName="hierChild1" presStyleCnt="0">
        <dgm:presLayoutVars>
          <dgm:orgChart val="1"/>
          <dgm:chPref val="1"/>
          <dgm:dir/>
          <dgm:animOne val="branch"/>
          <dgm:animLvl val="lvl"/>
          <dgm:resizeHandles/>
        </dgm:presLayoutVars>
      </dgm:prSet>
      <dgm:spPr/>
      <dgm:t>
        <a:bodyPr/>
        <a:lstStyle/>
        <a:p>
          <a:endParaRPr lang="en-US"/>
        </a:p>
      </dgm:t>
    </dgm:pt>
    <dgm:pt modelId="{52BE63F6-7D78-AC47-98F2-93C747B473CD}" type="pres">
      <dgm:prSet presAssocID="{B4C423F2-EA8B-5D4A-91F3-9C613171A6F8}" presName="hierRoot1" presStyleCnt="0">
        <dgm:presLayoutVars>
          <dgm:hierBranch val="init"/>
        </dgm:presLayoutVars>
      </dgm:prSet>
      <dgm:spPr/>
    </dgm:pt>
    <dgm:pt modelId="{253966B5-3FDF-9F4B-8F36-95A0952BC429}" type="pres">
      <dgm:prSet presAssocID="{B4C423F2-EA8B-5D4A-91F3-9C613171A6F8}" presName="rootComposite1" presStyleCnt="0"/>
      <dgm:spPr/>
    </dgm:pt>
    <dgm:pt modelId="{97A738BD-D5D6-C34A-B930-E9DE4B1D730D}" type="pres">
      <dgm:prSet presAssocID="{B4C423F2-EA8B-5D4A-91F3-9C613171A6F8}" presName="rootText1" presStyleLbl="node0" presStyleIdx="0" presStyleCnt="1">
        <dgm:presLayoutVars>
          <dgm:chPref val="3"/>
        </dgm:presLayoutVars>
      </dgm:prSet>
      <dgm:spPr/>
      <dgm:t>
        <a:bodyPr/>
        <a:lstStyle/>
        <a:p>
          <a:endParaRPr lang="en-US"/>
        </a:p>
      </dgm:t>
    </dgm:pt>
    <dgm:pt modelId="{BF82CD52-3C37-0643-ACF0-4B8ECCDAF8D5}" type="pres">
      <dgm:prSet presAssocID="{B4C423F2-EA8B-5D4A-91F3-9C613171A6F8}" presName="rootConnector1" presStyleLbl="node1" presStyleIdx="0" presStyleCnt="0"/>
      <dgm:spPr/>
      <dgm:t>
        <a:bodyPr/>
        <a:lstStyle/>
        <a:p>
          <a:endParaRPr lang="en-US"/>
        </a:p>
      </dgm:t>
    </dgm:pt>
    <dgm:pt modelId="{141716F5-B7C5-BD4E-882B-EC7CB64B0125}" type="pres">
      <dgm:prSet presAssocID="{B4C423F2-EA8B-5D4A-91F3-9C613171A6F8}" presName="hierChild2" presStyleCnt="0"/>
      <dgm:spPr/>
    </dgm:pt>
    <dgm:pt modelId="{4A086092-C8BD-2347-8B6C-C15AE4A3F6BB}" type="pres">
      <dgm:prSet presAssocID="{505DEE37-744B-3149-9CFA-1F673BDCF9CF}" presName="Name37" presStyleLbl="parChTrans1D2" presStyleIdx="0" presStyleCnt="3"/>
      <dgm:spPr/>
      <dgm:t>
        <a:bodyPr/>
        <a:lstStyle/>
        <a:p>
          <a:endParaRPr lang="en-US"/>
        </a:p>
      </dgm:t>
    </dgm:pt>
    <dgm:pt modelId="{38377DB4-B372-6D4A-807A-7BE743186393}" type="pres">
      <dgm:prSet presAssocID="{F4B20645-4CB6-784D-8410-4F42F8A08F20}" presName="hierRoot2" presStyleCnt="0">
        <dgm:presLayoutVars>
          <dgm:hierBranch val="init"/>
        </dgm:presLayoutVars>
      </dgm:prSet>
      <dgm:spPr/>
    </dgm:pt>
    <dgm:pt modelId="{FDE7E0C9-D439-394A-829D-EE9C871B777C}" type="pres">
      <dgm:prSet presAssocID="{F4B20645-4CB6-784D-8410-4F42F8A08F20}" presName="rootComposite" presStyleCnt="0"/>
      <dgm:spPr/>
    </dgm:pt>
    <dgm:pt modelId="{D8C5FC6C-6F27-EC41-A9E2-6A4504FD3719}" type="pres">
      <dgm:prSet presAssocID="{F4B20645-4CB6-784D-8410-4F42F8A08F20}" presName="rootText" presStyleLbl="node2" presStyleIdx="0" presStyleCnt="3">
        <dgm:presLayoutVars>
          <dgm:chPref val="3"/>
        </dgm:presLayoutVars>
      </dgm:prSet>
      <dgm:spPr/>
      <dgm:t>
        <a:bodyPr/>
        <a:lstStyle/>
        <a:p>
          <a:endParaRPr lang="en-US"/>
        </a:p>
      </dgm:t>
    </dgm:pt>
    <dgm:pt modelId="{EBFB7652-597B-FF44-9981-1F88F4891817}" type="pres">
      <dgm:prSet presAssocID="{F4B20645-4CB6-784D-8410-4F42F8A08F20}" presName="rootConnector" presStyleLbl="node2" presStyleIdx="0" presStyleCnt="3"/>
      <dgm:spPr/>
      <dgm:t>
        <a:bodyPr/>
        <a:lstStyle/>
        <a:p>
          <a:endParaRPr lang="en-US"/>
        </a:p>
      </dgm:t>
    </dgm:pt>
    <dgm:pt modelId="{CE3478D6-EC1E-7F45-B38B-BC42F2FAE28F}" type="pres">
      <dgm:prSet presAssocID="{F4B20645-4CB6-784D-8410-4F42F8A08F20}" presName="hierChild4" presStyleCnt="0"/>
      <dgm:spPr/>
    </dgm:pt>
    <dgm:pt modelId="{1E21F53B-209A-214B-8C59-375353BE24D4}" type="pres">
      <dgm:prSet presAssocID="{F4B20645-4CB6-784D-8410-4F42F8A08F20}" presName="hierChild5" presStyleCnt="0"/>
      <dgm:spPr/>
    </dgm:pt>
    <dgm:pt modelId="{70FF3F60-697A-5F41-BBD7-1EB0314D7624}" type="pres">
      <dgm:prSet presAssocID="{E2C51DB7-A6A5-3946-854A-5315B481A7BD}" presName="Name37" presStyleLbl="parChTrans1D2" presStyleIdx="1" presStyleCnt="3"/>
      <dgm:spPr/>
      <dgm:t>
        <a:bodyPr/>
        <a:lstStyle/>
        <a:p>
          <a:endParaRPr lang="en-US"/>
        </a:p>
      </dgm:t>
    </dgm:pt>
    <dgm:pt modelId="{100CEFBE-37FC-F845-8E00-46A853422453}" type="pres">
      <dgm:prSet presAssocID="{06A7BB33-2F4D-F243-B116-0E3A123938AB}" presName="hierRoot2" presStyleCnt="0">
        <dgm:presLayoutVars>
          <dgm:hierBranch val="init"/>
        </dgm:presLayoutVars>
      </dgm:prSet>
      <dgm:spPr/>
    </dgm:pt>
    <dgm:pt modelId="{0C49BE37-9628-504D-B456-AC40DCCB6DBE}" type="pres">
      <dgm:prSet presAssocID="{06A7BB33-2F4D-F243-B116-0E3A123938AB}" presName="rootComposite" presStyleCnt="0"/>
      <dgm:spPr/>
    </dgm:pt>
    <dgm:pt modelId="{C92E82C8-24F3-DD4B-8AED-E9AE34DAE400}" type="pres">
      <dgm:prSet presAssocID="{06A7BB33-2F4D-F243-B116-0E3A123938AB}" presName="rootText" presStyleLbl="node2" presStyleIdx="1" presStyleCnt="3">
        <dgm:presLayoutVars>
          <dgm:chPref val="3"/>
        </dgm:presLayoutVars>
      </dgm:prSet>
      <dgm:spPr/>
      <dgm:t>
        <a:bodyPr/>
        <a:lstStyle/>
        <a:p>
          <a:endParaRPr lang="en-US"/>
        </a:p>
      </dgm:t>
    </dgm:pt>
    <dgm:pt modelId="{4B52BD3E-880F-B847-9754-9C186EE25C5A}" type="pres">
      <dgm:prSet presAssocID="{06A7BB33-2F4D-F243-B116-0E3A123938AB}" presName="rootConnector" presStyleLbl="node2" presStyleIdx="1" presStyleCnt="3"/>
      <dgm:spPr/>
      <dgm:t>
        <a:bodyPr/>
        <a:lstStyle/>
        <a:p>
          <a:endParaRPr lang="en-US"/>
        </a:p>
      </dgm:t>
    </dgm:pt>
    <dgm:pt modelId="{2462EAEB-A70B-2D4D-B370-E4ADCECAC900}" type="pres">
      <dgm:prSet presAssocID="{06A7BB33-2F4D-F243-B116-0E3A123938AB}" presName="hierChild4" presStyleCnt="0"/>
      <dgm:spPr/>
    </dgm:pt>
    <dgm:pt modelId="{F0C1476C-31A6-2447-8282-9F0B280D57FC}" type="pres">
      <dgm:prSet presAssocID="{06A7BB33-2F4D-F243-B116-0E3A123938AB}" presName="hierChild5" presStyleCnt="0"/>
      <dgm:spPr/>
    </dgm:pt>
    <dgm:pt modelId="{A2906F32-E64D-AE4B-AE25-95A3967F9DD3}" type="pres">
      <dgm:prSet presAssocID="{0732A216-741C-EE4C-88F1-DDA6F1DE0A5E}" presName="Name37" presStyleLbl="parChTrans1D2" presStyleIdx="2" presStyleCnt="3"/>
      <dgm:spPr/>
      <dgm:t>
        <a:bodyPr/>
        <a:lstStyle/>
        <a:p>
          <a:endParaRPr lang="en-US"/>
        </a:p>
      </dgm:t>
    </dgm:pt>
    <dgm:pt modelId="{9632B22D-978A-D344-9FB4-AA283036E6E6}" type="pres">
      <dgm:prSet presAssocID="{61BF8F12-13DA-2443-9D50-466D79C81A30}" presName="hierRoot2" presStyleCnt="0">
        <dgm:presLayoutVars>
          <dgm:hierBranch val="init"/>
        </dgm:presLayoutVars>
      </dgm:prSet>
      <dgm:spPr/>
    </dgm:pt>
    <dgm:pt modelId="{ECC80862-9C92-EC46-8FFB-0B86CDC5F27C}" type="pres">
      <dgm:prSet presAssocID="{61BF8F12-13DA-2443-9D50-466D79C81A30}" presName="rootComposite" presStyleCnt="0"/>
      <dgm:spPr/>
    </dgm:pt>
    <dgm:pt modelId="{C68B3CA2-BB6F-ED41-A23D-89C44CD41318}" type="pres">
      <dgm:prSet presAssocID="{61BF8F12-13DA-2443-9D50-466D79C81A30}" presName="rootText" presStyleLbl="node2" presStyleIdx="2" presStyleCnt="3">
        <dgm:presLayoutVars>
          <dgm:chPref val="3"/>
        </dgm:presLayoutVars>
      </dgm:prSet>
      <dgm:spPr/>
      <dgm:t>
        <a:bodyPr/>
        <a:lstStyle/>
        <a:p>
          <a:endParaRPr lang="en-US"/>
        </a:p>
      </dgm:t>
    </dgm:pt>
    <dgm:pt modelId="{538C5A7C-F1F5-2A40-A1E4-C4C56E82A534}" type="pres">
      <dgm:prSet presAssocID="{61BF8F12-13DA-2443-9D50-466D79C81A30}" presName="rootConnector" presStyleLbl="node2" presStyleIdx="2" presStyleCnt="3"/>
      <dgm:spPr/>
      <dgm:t>
        <a:bodyPr/>
        <a:lstStyle/>
        <a:p>
          <a:endParaRPr lang="en-US"/>
        </a:p>
      </dgm:t>
    </dgm:pt>
    <dgm:pt modelId="{9341CCF5-83E0-3043-A8AF-FD12143EFDFF}" type="pres">
      <dgm:prSet presAssocID="{61BF8F12-13DA-2443-9D50-466D79C81A30}" presName="hierChild4" presStyleCnt="0"/>
      <dgm:spPr/>
    </dgm:pt>
    <dgm:pt modelId="{0F44DE41-039D-1F4F-89B7-14C3187178E8}" type="pres">
      <dgm:prSet presAssocID="{61BF8F12-13DA-2443-9D50-466D79C81A30}" presName="hierChild5" presStyleCnt="0"/>
      <dgm:spPr/>
    </dgm:pt>
    <dgm:pt modelId="{54961707-08B0-8040-816C-71AB21B68EE6}" type="pres">
      <dgm:prSet presAssocID="{B4C423F2-EA8B-5D4A-91F3-9C613171A6F8}" presName="hierChild3" presStyleCnt="0"/>
      <dgm:spPr/>
    </dgm:pt>
  </dgm:ptLst>
  <dgm:cxnLst>
    <dgm:cxn modelId="{F1D4B760-0D5B-9547-8534-06173383A102}" type="presOf" srcId="{F4B20645-4CB6-784D-8410-4F42F8A08F20}" destId="{D8C5FC6C-6F27-EC41-A9E2-6A4504FD3719}" srcOrd="0" destOrd="0" presId="urn:microsoft.com/office/officeart/2005/8/layout/orgChart1"/>
    <dgm:cxn modelId="{77C4FA58-42D9-624D-AB9E-9F4569066A98}" type="presOf" srcId="{CF7C9544-EA7C-6840-BDD4-8767F7405032}" destId="{2E1FE41D-0154-B84B-ABCD-73EDF528CF2B}" srcOrd="0" destOrd="0" presId="urn:microsoft.com/office/officeart/2005/8/layout/orgChart1"/>
    <dgm:cxn modelId="{51B1141F-84F9-8A4C-BA0F-C35ECE83DA12}" type="presOf" srcId="{0732A216-741C-EE4C-88F1-DDA6F1DE0A5E}" destId="{A2906F32-E64D-AE4B-AE25-95A3967F9DD3}" srcOrd="0" destOrd="0" presId="urn:microsoft.com/office/officeart/2005/8/layout/orgChart1"/>
    <dgm:cxn modelId="{A37E93C0-D3D1-1641-8EA5-1F85D7B0B36D}" type="presOf" srcId="{E2C51DB7-A6A5-3946-854A-5315B481A7BD}" destId="{70FF3F60-697A-5F41-BBD7-1EB0314D7624}" srcOrd="0" destOrd="0" presId="urn:microsoft.com/office/officeart/2005/8/layout/orgChart1"/>
    <dgm:cxn modelId="{3038BBF3-FE99-6F4B-8A4E-D96DB85821E7}" type="presOf" srcId="{505DEE37-744B-3149-9CFA-1F673BDCF9CF}" destId="{4A086092-C8BD-2347-8B6C-C15AE4A3F6BB}" srcOrd="0" destOrd="0" presId="urn:microsoft.com/office/officeart/2005/8/layout/orgChart1"/>
    <dgm:cxn modelId="{F9C9D254-A0D8-594D-B268-4383601B82DB}" type="presOf" srcId="{06A7BB33-2F4D-F243-B116-0E3A123938AB}" destId="{C92E82C8-24F3-DD4B-8AED-E9AE34DAE400}" srcOrd="0" destOrd="0" presId="urn:microsoft.com/office/officeart/2005/8/layout/orgChart1"/>
    <dgm:cxn modelId="{C47C4DB0-0219-0840-9200-EB0514F7C403}" type="presOf" srcId="{B4C423F2-EA8B-5D4A-91F3-9C613171A6F8}" destId="{97A738BD-D5D6-C34A-B930-E9DE4B1D730D}" srcOrd="0" destOrd="0" presId="urn:microsoft.com/office/officeart/2005/8/layout/orgChart1"/>
    <dgm:cxn modelId="{8A70E7E0-A410-6040-9E97-0B8178583410}" type="presOf" srcId="{61BF8F12-13DA-2443-9D50-466D79C81A30}" destId="{C68B3CA2-BB6F-ED41-A23D-89C44CD41318}" srcOrd="0" destOrd="0" presId="urn:microsoft.com/office/officeart/2005/8/layout/orgChart1"/>
    <dgm:cxn modelId="{0B7D328E-05B7-ED4F-9873-E976A92C18AF}" srcId="{B4C423F2-EA8B-5D4A-91F3-9C613171A6F8}" destId="{F4B20645-4CB6-784D-8410-4F42F8A08F20}" srcOrd="0" destOrd="0" parTransId="{505DEE37-744B-3149-9CFA-1F673BDCF9CF}" sibTransId="{5FE7D531-35BF-0145-8E0B-7AF713B71E09}"/>
    <dgm:cxn modelId="{52F834BB-A5BB-CF41-8E7B-5C8D4444FBF1}" type="presOf" srcId="{61BF8F12-13DA-2443-9D50-466D79C81A30}" destId="{538C5A7C-F1F5-2A40-A1E4-C4C56E82A534}" srcOrd="1" destOrd="0" presId="urn:microsoft.com/office/officeart/2005/8/layout/orgChart1"/>
    <dgm:cxn modelId="{FB37AC95-03D5-554B-9184-94901EE6D693}" srcId="{B4C423F2-EA8B-5D4A-91F3-9C613171A6F8}" destId="{06A7BB33-2F4D-F243-B116-0E3A123938AB}" srcOrd="1" destOrd="0" parTransId="{E2C51DB7-A6A5-3946-854A-5315B481A7BD}" sibTransId="{4DBF6BED-5B25-9E44-AA46-F683D9AC1B28}"/>
    <dgm:cxn modelId="{6FC251C7-CC0A-3142-8924-8A978B01C8FB}" srcId="{B4C423F2-EA8B-5D4A-91F3-9C613171A6F8}" destId="{61BF8F12-13DA-2443-9D50-466D79C81A30}" srcOrd="2" destOrd="0" parTransId="{0732A216-741C-EE4C-88F1-DDA6F1DE0A5E}" sibTransId="{A693D78F-AFE7-5343-8A87-12B579DEAABA}"/>
    <dgm:cxn modelId="{7AADE35C-B7DE-2A4F-8233-77CD02FCFAA9}" type="presOf" srcId="{06A7BB33-2F4D-F243-B116-0E3A123938AB}" destId="{4B52BD3E-880F-B847-9754-9C186EE25C5A}" srcOrd="1" destOrd="0" presId="urn:microsoft.com/office/officeart/2005/8/layout/orgChart1"/>
    <dgm:cxn modelId="{784383FE-BF41-E443-A23A-9A11752A1E84}" srcId="{CF7C9544-EA7C-6840-BDD4-8767F7405032}" destId="{B4C423F2-EA8B-5D4A-91F3-9C613171A6F8}" srcOrd="0" destOrd="0" parTransId="{62C592D9-E11A-564C-80E7-AF695E56C35D}" sibTransId="{3B1EAE13-5B2D-644F-87EE-0F62E15DF084}"/>
    <dgm:cxn modelId="{FD92CCAF-4009-B445-B47C-E617381AD1A6}" type="presOf" srcId="{B4C423F2-EA8B-5D4A-91F3-9C613171A6F8}" destId="{BF82CD52-3C37-0643-ACF0-4B8ECCDAF8D5}" srcOrd="1" destOrd="0" presId="urn:microsoft.com/office/officeart/2005/8/layout/orgChart1"/>
    <dgm:cxn modelId="{5613FAB2-A80D-6048-B61C-8BCF54B317B8}" type="presOf" srcId="{F4B20645-4CB6-784D-8410-4F42F8A08F20}" destId="{EBFB7652-597B-FF44-9981-1F88F4891817}" srcOrd="1" destOrd="0" presId="urn:microsoft.com/office/officeart/2005/8/layout/orgChart1"/>
    <dgm:cxn modelId="{C29857FB-6B14-FC4D-8780-58362BF31971}" type="presParOf" srcId="{2E1FE41D-0154-B84B-ABCD-73EDF528CF2B}" destId="{52BE63F6-7D78-AC47-98F2-93C747B473CD}" srcOrd="0" destOrd="0" presId="urn:microsoft.com/office/officeart/2005/8/layout/orgChart1"/>
    <dgm:cxn modelId="{56033869-52C9-5040-B638-DCCBC2AC7153}" type="presParOf" srcId="{52BE63F6-7D78-AC47-98F2-93C747B473CD}" destId="{253966B5-3FDF-9F4B-8F36-95A0952BC429}" srcOrd="0" destOrd="0" presId="urn:microsoft.com/office/officeart/2005/8/layout/orgChart1"/>
    <dgm:cxn modelId="{19494932-F0E8-474F-BBAE-968B29C7E7CA}" type="presParOf" srcId="{253966B5-3FDF-9F4B-8F36-95A0952BC429}" destId="{97A738BD-D5D6-C34A-B930-E9DE4B1D730D}" srcOrd="0" destOrd="0" presId="urn:microsoft.com/office/officeart/2005/8/layout/orgChart1"/>
    <dgm:cxn modelId="{49B69C08-BC0F-5D48-81C4-74A91E4D7047}" type="presParOf" srcId="{253966B5-3FDF-9F4B-8F36-95A0952BC429}" destId="{BF82CD52-3C37-0643-ACF0-4B8ECCDAF8D5}" srcOrd="1" destOrd="0" presId="urn:microsoft.com/office/officeart/2005/8/layout/orgChart1"/>
    <dgm:cxn modelId="{88FE5CC0-4B69-9842-B686-CE45733E2FFB}" type="presParOf" srcId="{52BE63F6-7D78-AC47-98F2-93C747B473CD}" destId="{141716F5-B7C5-BD4E-882B-EC7CB64B0125}" srcOrd="1" destOrd="0" presId="urn:microsoft.com/office/officeart/2005/8/layout/orgChart1"/>
    <dgm:cxn modelId="{AB26A21C-24C2-6840-A439-58B5FFB518DA}" type="presParOf" srcId="{141716F5-B7C5-BD4E-882B-EC7CB64B0125}" destId="{4A086092-C8BD-2347-8B6C-C15AE4A3F6BB}" srcOrd="0" destOrd="0" presId="urn:microsoft.com/office/officeart/2005/8/layout/orgChart1"/>
    <dgm:cxn modelId="{EB005BF4-350A-F542-B842-DDB23C1CD6F9}" type="presParOf" srcId="{141716F5-B7C5-BD4E-882B-EC7CB64B0125}" destId="{38377DB4-B372-6D4A-807A-7BE743186393}" srcOrd="1" destOrd="0" presId="urn:microsoft.com/office/officeart/2005/8/layout/orgChart1"/>
    <dgm:cxn modelId="{73A1FBDD-AA82-0B4E-8B8A-9F52DF2420C5}" type="presParOf" srcId="{38377DB4-B372-6D4A-807A-7BE743186393}" destId="{FDE7E0C9-D439-394A-829D-EE9C871B777C}" srcOrd="0" destOrd="0" presId="urn:microsoft.com/office/officeart/2005/8/layout/orgChart1"/>
    <dgm:cxn modelId="{332887CB-F400-E948-A3B9-95FD2ADAA911}" type="presParOf" srcId="{FDE7E0C9-D439-394A-829D-EE9C871B777C}" destId="{D8C5FC6C-6F27-EC41-A9E2-6A4504FD3719}" srcOrd="0" destOrd="0" presId="urn:microsoft.com/office/officeart/2005/8/layout/orgChart1"/>
    <dgm:cxn modelId="{3F6849F5-E637-D942-8760-1A37DCC2B7BC}" type="presParOf" srcId="{FDE7E0C9-D439-394A-829D-EE9C871B777C}" destId="{EBFB7652-597B-FF44-9981-1F88F4891817}" srcOrd="1" destOrd="0" presId="urn:microsoft.com/office/officeart/2005/8/layout/orgChart1"/>
    <dgm:cxn modelId="{18564647-2E34-D947-879C-AD24728DEE2C}" type="presParOf" srcId="{38377DB4-B372-6D4A-807A-7BE743186393}" destId="{CE3478D6-EC1E-7F45-B38B-BC42F2FAE28F}" srcOrd="1" destOrd="0" presId="urn:microsoft.com/office/officeart/2005/8/layout/orgChart1"/>
    <dgm:cxn modelId="{8DD5FE3A-C4E7-BE42-9E94-B57A25AA0A78}" type="presParOf" srcId="{38377DB4-B372-6D4A-807A-7BE743186393}" destId="{1E21F53B-209A-214B-8C59-375353BE24D4}" srcOrd="2" destOrd="0" presId="urn:microsoft.com/office/officeart/2005/8/layout/orgChart1"/>
    <dgm:cxn modelId="{7200ADAF-BDC8-B648-84B0-9D44FC84C5E4}" type="presParOf" srcId="{141716F5-B7C5-BD4E-882B-EC7CB64B0125}" destId="{70FF3F60-697A-5F41-BBD7-1EB0314D7624}" srcOrd="2" destOrd="0" presId="urn:microsoft.com/office/officeart/2005/8/layout/orgChart1"/>
    <dgm:cxn modelId="{4935E997-5FDA-E24B-B71A-B35985DD194C}" type="presParOf" srcId="{141716F5-B7C5-BD4E-882B-EC7CB64B0125}" destId="{100CEFBE-37FC-F845-8E00-46A853422453}" srcOrd="3" destOrd="0" presId="urn:microsoft.com/office/officeart/2005/8/layout/orgChart1"/>
    <dgm:cxn modelId="{3E89CEAB-CC13-EC4B-89CB-A81F3804D6E9}" type="presParOf" srcId="{100CEFBE-37FC-F845-8E00-46A853422453}" destId="{0C49BE37-9628-504D-B456-AC40DCCB6DBE}" srcOrd="0" destOrd="0" presId="urn:microsoft.com/office/officeart/2005/8/layout/orgChart1"/>
    <dgm:cxn modelId="{C5EDEEC2-6367-1A41-B1D8-CD0D3264C1C8}" type="presParOf" srcId="{0C49BE37-9628-504D-B456-AC40DCCB6DBE}" destId="{C92E82C8-24F3-DD4B-8AED-E9AE34DAE400}" srcOrd="0" destOrd="0" presId="urn:microsoft.com/office/officeart/2005/8/layout/orgChart1"/>
    <dgm:cxn modelId="{7865E9FA-6F79-CB49-87D1-9E28896259DF}" type="presParOf" srcId="{0C49BE37-9628-504D-B456-AC40DCCB6DBE}" destId="{4B52BD3E-880F-B847-9754-9C186EE25C5A}" srcOrd="1" destOrd="0" presId="urn:microsoft.com/office/officeart/2005/8/layout/orgChart1"/>
    <dgm:cxn modelId="{667A759B-B162-E44D-8834-2474C01A2C38}" type="presParOf" srcId="{100CEFBE-37FC-F845-8E00-46A853422453}" destId="{2462EAEB-A70B-2D4D-B370-E4ADCECAC900}" srcOrd="1" destOrd="0" presId="urn:microsoft.com/office/officeart/2005/8/layout/orgChart1"/>
    <dgm:cxn modelId="{37A5D007-9431-D240-B39A-F9BA11C810EF}" type="presParOf" srcId="{100CEFBE-37FC-F845-8E00-46A853422453}" destId="{F0C1476C-31A6-2447-8282-9F0B280D57FC}" srcOrd="2" destOrd="0" presId="urn:microsoft.com/office/officeart/2005/8/layout/orgChart1"/>
    <dgm:cxn modelId="{78D8882F-834E-4E4A-87DE-A21AA609F9F9}" type="presParOf" srcId="{141716F5-B7C5-BD4E-882B-EC7CB64B0125}" destId="{A2906F32-E64D-AE4B-AE25-95A3967F9DD3}" srcOrd="4" destOrd="0" presId="urn:microsoft.com/office/officeart/2005/8/layout/orgChart1"/>
    <dgm:cxn modelId="{A49CA053-5A98-EB4D-A1DF-5EE54391AC96}" type="presParOf" srcId="{141716F5-B7C5-BD4E-882B-EC7CB64B0125}" destId="{9632B22D-978A-D344-9FB4-AA283036E6E6}" srcOrd="5" destOrd="0" presId="urn:microsoft.com/office/officeart/2005/8/layout/orgChart1"/>
    <dgm:cxn modelId="{2C19D0A8-1411-6947-9159-7B9969EFFD13}" type="presParOf" srcId="{9632B22D-978A-D344-9FB4-AA283036E6E6}" destId="{ECC80862-9C92-EC46-8FFB-0B86CDC5F27C}" srcOrd="0" destOrd="0" presId="urn:microsoft.com/office/officeart/2005/8/layout/orgChart1"/>
    <dgm:cxn modelId="{D4589955-7E9C-4644-89F5-958129E2761C}" type="presParOf" srcId="{ECC80862-9C92-EC46-8FFB-0B86CDC5F27C}" destId="{C68B3CA2-BB6F-ED41-A23D-89C44CD41318}" srcOrd="0" destOrd="0" presId="urn:microsoft.com/office/officeart/2005/8/layout/orgChart1"/>
    <dgm:cxn modelId="{AB6CFA8E-8313-3E4A-B4E4-1867CDC3DA81}" type="presParOf" srcId="{ECC80862-9C92-EC46-8FFB-0B86CDC5F27C}" destId="{538C5A7C-F1F5-2A40-A1E4-C4C56E82A534}" srcOrd="1" destOrd="0" presId="urn:microsoft.com/office/officeart/2005/8/layout/orgChart1"/>
    <dgm:cxn modelId="{41AE73CD-68AF-2648-AC81-720AE7D76951}" type="presParOf" srcId="{9632B22D-978A-D344-9FB4-AA283036E6E6}" destId="{9341CCF5-83E0-3043-A8AF-FD12143EFDFF}" srcOrd="1" destOrd="0" presId="urn:microsoft.com/office/officeart/2005/8/layout/orgChart1"/>
    <dgm:cxn modelId="{814D1D0F-ED44-D84D-9E66-7D45795FA5C5}" type="presParOf" srcId="{9632B22D-978A-D344-9FB4-AA283036E6E6}" destId="{0F44DE41-039D-1F4F-89B7-14C3187178E8}" srcOrd="2" destOrd="0" presId="urn:microsoft.com/office/officeart/2005/8/layout/orgChart1"/>
    <dgm:cxn modelId="{6EDFACA8-D02F-0444-BDCD-81F461C03DFC}" type="presParOf" srcId="{52BE63F6-7D78-AC47-98F2-93C747B473CD}" destId="{54961707-08B0-8040-816C-71AB21B68EE6}" srcOrd="2" destOrd="0" presId="urn:microsoft.com/office/officeart/2005/8/layout/orgChart1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A2906F32-E64D-AE4B-AE25-95A3967F9DD3}">
      <dsp:nvSpPr>
        <dsp:cNvPr id="0" name=""/>
        <dsp:cNvSpPr/>
      </dsp:nvSpPr>
      <dsp:spPr>
        <a:xfrm>
          <a:off x="3624447" y="864973"/>
          <a:ext cx="2093216" cy="363285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181642"/>
              </a:lnTo>
              <a:lnTo>
                <a:pt x="2093216" y="181642"/>
              </a:lnTo>
              <a:lnTo>
                <a:pt x="2093216" y="363285"/>
              </a:lnTo>
            </a:path>
          </a:pathLst>
        </a:custGeom>
        <a:noFill/>
        <a:ln w="6350" cap="flat" cmpd="sng" algn="ctr">
          <a:solidFill>
            <a:schemeClr val="accent1">
              <a:shade val="6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1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70FF3F60-697A-5F41-BBD7-1EB0314D7624}">
      <dsp:nvSpPr>
        <dsp:cNvPr id="0" name=""/>
        <dsp:cNvSpPr/>
      </dsp:nvSpPr>
      <dsp:spPr>
        <a:xfrm>
          <a:off x="3578728" y="864973"/>
          <a:ext cx="91440" cy="363285"/>
        </a:xfrm>
        <a:custGeom>
          <a:avLst/>
          <a:gdLst/>
          <a:ahLst/>
          <a:cxnLst/>
          <a:rect l="0" t="0" r="0" b="0"/>
          <a:pathLst>
            <a:path>
              <a:moveTo>
                <a:pt x="45720" y="0"/>
              </a:moveTo>
              <a:lnTo>
                <a:pt x="45720" y="363285"/>
              </a:lnTo>
            </a:path>
          </a:pathLst>
        </a:custGeom>
        <a:noFill/>
        <a:ln w="6350" cap="flat" cmpd="sng" algn="ctr">
          <a:solidFill>
            <a:schemeClr val="accent1">
              <a:shade val="6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1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4A086092-C8BD-2347-8B6C-C15AE4A3F6BB}">
      <dsp:nvSpPr>
        <dsp:cNvPr id="0" name=""/>
        <dsp:cNvSpPr/>
      </dsp:nvSpPr>
      <dsp:spPr>
        <a:xfrm>
          <a:off x="1531231" y="864973"/>
          <a:ext cx="2093216" cy="363285"/>
        </a:xfrm>
        <a:custGeom>
          <a:avLst/>
          <a:gdLst/>
          <a:ahLst/>
          <a:cxnLst/>
          <a:rect l="0" t="0" r="0" b="0"/>
          <a:pathLst>
            <a:path>
              <a:moveTo>
                <a:pt x="2093216" y="0"/>
              </a:moveTo>
              <a:lnTo>
                <a:pt x="2093216" y="181642"/>
              </a:lnTo>
              <a:lnTo>
                <a:pt x="0" y="181642"/>
              </a:lnTo>
              <a:lnTo>
                <a:pt x="0" y="363285"/>
              </a:lnTo>
            </a:path>
          </a:pathLst>
        </a:custGeom>
        <a:noFill/>
        <a:ln w="6350" cap="flat" cmpd="sng" algn="ctr">
          <a:solidFill>
            <a:schemeClr val="accent1">
              <a:shade val="6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1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97A738BD-D5D6-C34A-B930-E9DE4B1D730D}">
      <dsp:nvSpPr>
        <dsp:cNvPr id="0" name=""/>
        <dsp:cNvSpPr/>
      </dsp:nvSpPr>
      <dsp:spPr>
        <a:xfrm>
          <a:off x="2759482" y="7"/>
          <a:ext cx="1729930" cy="864965"/>
        </a:xfrm>
        <a:prstGeom prst="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1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 smtClean="0"/>
            <a:t>Parent Company</a:t>
          </a:r>
          <a:endParaRPr lang="en-US" sz="2600" kern="1200" dirty="0"/>
        </a:p>
      </dsp:txBody>
      <dsp:txXfrm>
        <a:off x="2759482" y="7"/>
        <a:ext cx="1729930" cy="864965"/>
      </dsp:txXfrm>
    </dsp:sp>
    <dsp:sp modelId="{D8C5FC6C-6F27-EC41-A9E2-6A4504FD3719}">
      <dsp:nvSpPr>
        <dsp:cNvPr id="0" name=""/>
        <dsp:cNvSpPr/>
      </dsp:nvSpPr>
      <dsp:spPr>
        <a:xfrm>
          <a:off x="666266" y="1228258"/>
          <a:ext cx="1729930" cy="864965"/>
        </a:xfrm>
        <a:prstGeom prst="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1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 smtClean="0"/>
            <a:t>Subsidiary </a:t>
          </a:r>
          <a:endParaRPr lang="en-US" sz="2600" kern="1200" dirty="0"/>
        </a:p>
      </dsp:txBody>
      <dsp:txXfrm>
        <a:off x="666266" y="1228258"/>
        <a:ext cx="1729930" cy="864965"/>
      </dsp:txXfrm>
    </dsp:sp>
    <dsp:sp modelId="{C92E82C8-24F3-DD4B-8AED-E9AE34DAE400}">
      <dsp:nvSpPr>
        <dsp:cNvPr id="0" name=""/>
        <dsp:cNvSpPr/>
      </dsp:nvSpPr>
      <dsp:spPr>
        <a:xfrm>
          <a:off x="2759482" y="1228258"/>
          <a:ext cx="1729930" cy="864965"/>
        </a:xfrm>
        <a:prstGeom prst="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1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 smtClean="0"/>
            <a:t>Subsidiary </a:t>
          </a:r>
          <a:endParaRPr lang="en-US" sz="2600" kern="1200" dirty="0"/>
        </a:p>
      </dsp:txBody>
      <dsp:txXfrm>
        <a:off x="2759482" y="1228258"/>
        <a:ext cx="1729930" cy="864965"/>
      </dsp:txXfrm>
    </dsp:sp>
    <dsp:sp modelId="{C68B3CA2-BB6F-ED41-A23D-89C44CD41318}">
      <dsp:nvSpPr>
        <dsp:cNvPr id="0" name=""/>
        <dsp:cNvSpPr/>
      </dsp:nvSpPr>
      <dsp:spPr>
        <a:xfrm>
          <a:off x="4852698" y="1228258"/>
          <a:ext cx="1729930" cy="864965"/>
        </a:xfrm>
        <a:prstGeom prst="rect">
          <a:avLst/>
        </a:prstGeom>
        <a:gradFill rotWithShape="0">
          <a:gsLst>
            <a:gs pos="0">
              <a:schemeClr val="accent1"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1"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1"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6510" tIns="16510" rIns="16510" bIns="16510" numCol="1" spcCol="1270" anchor="ctr" anchorCtr="0">
          <a:noAutofit/>
        </a:bodyPr>
        <a:lstStyle/>
        <a:p>
          <a:pPr lvl="0" algn="ctr" defTabSz="11557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en-US" sz="2600" kern="1200" dirty="0" smtClean="0"/>
            <a:t>Subsidiary </a:t>
          </a:r>
          <a:endParaRPr lang="en-US" sz="2600" kern="1200" dirty="0"/>
        </a:p>
      </dsp:txBody>
      <dsp:txXfrm>
        <a:off x="4852698" y="1228258"/>
        <a:ext cx="1729930" cy="864965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orgChart1">
  <dgm:title val=""/>
  <dgm:desc val=""/>
  <dgm:catLst>
    <dgm:cat type="hierarchy" pri="1000"/>
    <dgm:cat type="convert" pri="6000"/>
  </dgm:catLst>
  <dgm:sampData>
    <dgm:dataModel>
      <dgm:ptLst>
        <dgm:pt modelId="0" type="doc"/>
        <dgm:pt modelId="1">
          <dgm:prSet phldr="1"/>
        </dgm:pt>
        <dgm:pt modelId="2" type="asst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5" srcId="0" destId="1" srcOrd="0" destOrd="0"/>
        <dgm:cxn modelId="6" srcId="1" destId="2" srcOrd="0" destOrd="0"/>
        <dgm:cxn modelId="7" srcId="1" destId="3" srcOrd="1" destOrd="0"/>
        <dgm:cxn modelId="8" srcId="1" destId="4" srcOrd="2" destOrd="0"/>
        <dgm:cxn modelId="9" srcId="1" destId="5" srcOrd="3" destOrd="0"/>
      </dgm:cxnLst>
      <dgm:bg/>
      <dgm:whole/>
    </dgm:dataModel>
  </dgm:sampData>
  <dgm:styleData>
    <dgm:dataModel>
      <dgm:ptLst>
        <dgm:pt modelId="0" type="doc"/>
        <dgm:pt modelId="1"/>
        <dgm:pt modelId="12"/>
        <dgm:pt modelId="13"/>
      </dgm:ptLst>
      <dgm:cxnLst>
        <dgm:cxn modelId="2" srcId="0" destId="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 type="asst"/>
        <dgm:pt modelId="12"/>
        <dgm:pt modelId="13"/>
        <dgm:pt modelId="14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  <dgm:cxn modelId="18" srcId="1" destId="14" srcOrd="2" destOrd="0"/>
      </dgm:cxnLst>
      <dgm:bg/>
      <dgm:whole/>
    </dgm:dataModel>
  </dgm:clrData>
  <dgm:layoutNode name="hierChild1">
    <dgm:varLst>
      <dgm:orgChart val="1"/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rootComposite1" refType="w" fact="10"/>
      <dgm:constr type="h" for="des" forName="rootComposite1" refType="w" refFor="des" refForName="rootComposite1" fact="0.5"/>
      <dgm:constr type="w" for="des" forName="rootComposite" refType="w" fact="10"/>
      <dgm:constr type="h" for="des" forName="rootComposite" refType="w" refFor="des" refForName="rootComposite1" fact="0.5"/>
      <dgm:constr type="w" for="des" forName="rootComposite3" refType="w" fact="10"/>
      <dgm:constr type="h" for="des" forName="rootComposite3" refType="w" refFor="des" refForName="rootComposite1" fact="0.5"/>
      <dgm:constr type="primFontSz" for="des" ptType="node" op="equ"/>
      <dgm:constr type="sp" for="des" op="equ"/>
      <dgm:constr type="sp" for="des" forName="hierRoot1" refType="w" refFor="des" refForName="rootComposite1" fact="0.21"/>
      <dgm:constr type="sp" for="des" forName="hierRoot2" refType="sp" refFor="des" refForName="hierRoot1"/>
      <dgm:constr type="sp" for="des" forName="hierRoot3" refType="sp" refFor="des" refForName="hierRoot1"/>
      <dgm:constr type="sibSp" refType="w" refFor="des" refForName="rootComposite1" fact="0.2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ibSp" for="des" forName="hierChild7" refType="sibSp"/>
      <dgm:constr type="secSibSp" refType="w" refFor="des" refForName="rootComposite1" fact="0.21"/>
      <dgm:constr type="secSibSp" for="des" forName="hierChild2" refType="secSibSp"/>
      <dgm:constr type="secSibSp" for="des" forName="hierChild3" refType="secSibSp"/>
      <dgm:constr type="secSibSp" for="des" forName="hierChild4" refType="secSibSp"/>
      <dgm:constr type="secSibSp" for="des" forName="hierChild5" refType="secSibSp"/>
      <dgm:constr type="secSibSp" for="des" forName="hierChild6" refType="secSibSp"/>
      <dgm:constr type="secSibSp" for="des" forName="hierChild7" refType="secSibSp"/>
    </dgm:constrLst>
    <dgm:ruleLst/>
    <dgm:forEach name="Name3" axis="ch">
      <dgm:forEach name="Name4" axis="self" ptType="node">
        <dgm:layoutNode name="hierRoot1">
          <dgm:varLst>
            <dgm:hierBranch val="init"/>
          </dgm:varLst>
          <dgm:choose name="Name5">
            <dgm:if name="Name6" func="var" arg="hierBranch" op="equ" val="l">
              <dgm:choose name="Name7">
                <dgm:if name="Name8" axis="ch" ptType="asst" func="cnt" op="gte" val="1">
                  <dgm:alg type="hierRoot">
                    <dgm:param type="hierAlign" val="tR"/>
                  </dgm:alg>
                  <dgm:constrLst>
                    <dgm:constr type="alignOff" val="0.65"/>
                  </dgm:constrLst>
                </dgm:if>
                <dgm:else name="Name9">
                  <dgm:alg type="hierRoot">
                    <dgm:param type="hierAlign" val="tR"/>
                  </dgm:alg>
                  <dgm:constrLst>
                    <dgm:constr type="alignOff" val="0.25"/>
                  </dgm:constrLst>
                </dgm:else>
              </dgm:choose>
            </dgm:if>
            <dgm:if name="Name10" func="var" arg="hierBranch" op="equ" val="r">
              <dgm:choose name="Name11">
                <dgm:if name="Name12" axis="ch" ptType="asst" func="cnt" op="gte" val="1">
                  <dgm:alg type="hierRoot">
                    <dgm:param type="hierAlign" val="tL"/>
                  </dgm:alg>
                  <dgm:constrLst>
                    <dgm:constr type="alignOff" val="0.65"/>
                  </dgm:constrLst>
                </dgm:if>
                <dgm:else name="Name13">
                  <dgm:alg type="hierRoot">
                    <dgm:param type="hierAlign" val="tL"/>
                  </dgm:alg>
                  <dgm:constrLst>
                    <dgm:constr type="alignOff" val="0.25"/>
                  </dgm:constrLst>
                </dgm:else>
              </dgm:choose>
            </dgm:if>
            <dgm:if name="Name14" func="var" arg="hierBranch" op="equ" val="hang">
              <dgm:alg type="hierRoot"/>
              <dgm:constrLst>
                <dgm:constr type="alignOff" val="0.65"/>
              </dgm:constrLst>
            </dgm:if>
            <dgm:else name="Name15">
              <dgm:alg type="hierRoot"/>
              <dgm:constrLst>
                <dgm:constr type="alignOff"/>
                <dgm:constr type="bendDist" for="des" ptType="parTrans" refType="sp" fact="0.5"/>
              </dgm:constrLst>
            </dgm:else>
          </dgm:choose>
          <dgm:shape xmlns:r="http://schemas.openxmlformats.org/officeDocument/2006/relationships" r:blip="">
            <dgm:adjLst/>
          </dgm:shape>
          <dgm:presOf/>
          <dgm:ruleLst/>
          <dgm:layoutNode name="rootComposite1"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hoose name="Name16">
              <dgm:if name="Name17" func="var" arg="hierBranch" op="equ" val="init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8" func="var" arg="hierBranch" op="equ" val="l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9" func="var" arg="hierBranch" op="equ" val="r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else name="Name20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else>
            </dgm:choose>
            <dgm:ruleLst/>
            <dgm:layoutNode name="rootText1" styleLbl="node0">
              <dgm:varLst>
                <dgm:chPref val="3"/>
              </dgm:varLst>
              <dgm:alg type="tx"/>
              <dgm:shape xmlns:r="http://schemas.openxmlformats.org/officeDocument/2006/relationships" type="rect" r:blip="">
                <dgm:adjLst/>
              </dgm:shape>
              <dgm:presOf axis="self" ptType="node" cnt="1"/>
              <dgm:constrLst>
                <dgm:constr type="primFontSz" val="65"/>
                <dgm:constr type="lMarg" refType="primFontSz" fact="0.05"/>
                <dgm:constr type="rMarg" refType="primFontSz" fact="0.05"/>
                <dgm:constr type="tMarg" refType="primFontSz" fact="0.05"/>
                <dgm:constr type="bMarg" refType="primFontSz" fact="0.05"/>
              </dgm:constrLst>
              <dgm:ruleLst>
                <dgm:rule type="primFontSz" val="5" fact="NaN" max="NaN"/>
              </dgm:ruleLst>
            </dgm:layoutNode>
            <dgm:layoutNode name="rootConnector1" moveWith="rootText1">
              <dgm:alg type="sp"/>
              <dgm:shape xmlns:r="http://schemas.openxmlformats.org/officeDocument/2006/relationships" type="rect" r:blip="" hideGeom="1">
                <dgm:adjLst/>
              </dgm:shape>
              <dgm:presOf axis="self" ptType="node" cnt="1"/>
              <dgm:constrLst/>
              <dgm:ruleLst/>
            </dgm:layoutNode>
          </dgm:layoutNode>
          <dgm:layoutNode name="hierChild2">
            <dgm:choose name="Name21">
              <dgm:if name="Name22" func="var" arg="hierBranch" op="equ" val="l">
                <dgm:alg type="hierChild">
                  <dgm:param type="chAlign" val="r"/>
                  <dgm:param type="linDir" val="fromT"/>
                </dgm:alg>
              </dgm:if>
              <dgm:if name="Name23" func="var" arg="hierBranch" op="equ" val="r">
                <dgm:alg type="hierChild">
                  <dgm:param type="chAlign" val="l"/>
                  <dgm:param type="linDir" val="fromT"/>
                </dgm:alg>
              </dgm:if>
              <dgm:if name="Name24" func="var" arg="hierBranch" op="equ" val="hang">
                <dgm:choose name="Name25">
                  <dgm:if name="Name26" func="var" arg="dir" op="equ" val="norm">
                    <dgm:alg type="hierChild">
                      <dgm:param type="chAlign" val="l"/>
                      <dgm:param type="linDir" val="fromL"/>
                      <dgm:param type="secChAlign" val="t"/>
                      <dgm:param type="secLinDir" val="fromT"/>
                    </dgm:alg>
                  </dgm:if>
                  <dgm:else name="Name27">
                    <dgm:alg type="hierChild">
                      <dgm:param type="chAlign" val="l"/>
                      <dgm:param type="linDir" val="fromR"/>
                      <dgm:param type="secChAlign" val="t"/>
                      <dgm:param type="secLinDir" val="fromT"/>
                    </dgm:alg>
                  </dgm:else>
                </dgm:choose>
              </dgm:if>
              <dgm:else name="Name28">
                <dgm:choose name="Name29">
                  <dgm:if name="Name30" func="var" arg="dir" op="equ" val="norm">
                    <dgm:alg type="hierChild"/>
                  </dgm:if>
                  <dgm:else name="Name31">
                    <dgm:alg type="hierChild">
                      <dgm:param type="linDir" val="from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a" axis="ch" ptType="nonAsst">
              <dgm:forEach name="Name32" axis="precedSib" ptType="parTrans" st="-1" cnt="1">
                <dgm:choose name="Name33">
                  <dgm:if name="Name34" func="var" arg="hierBranch" op="equ" val="std">
                    <dgm:layoutNode name="Name35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tCtr"/>
                        <dgm:param type="bendPt" val="end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36" func="var" arg="hierBranch" op="equ" val="init">
                    <dgm:layoutNode name="Name37">
                      <dgm:choose name="Name38">
                        <dgm:if name="Name39" axis="self" func="depth" op="lte" val="2">
                          <dgm:alg type="conn">
                            <dgm:param type="connRout" val="bend"/>
                            <dgm:param type="dim" val="1D"/>
                            <dgm:param type="endSty" val="noArr"/>
                            <dgm:param type="begPts" val="bCtr"/>
                            <dgm:param type="endPts" val="tCtr"/>
                            <dgm:param type="bendPt" val="end"/>
                          </dgm:alg>
                        </dgm:if>
                        <dgm:else name="Name40">
                          <dgm:choose name="Name41">
                            <dgm:if name="Name42" axis="par des" func="maxDepth" op="lte" val="1">
                              <dgm:choose name="Name43">
                                <dgm:if name="Name44" axis="par ch" ptType="node asst" func="cnt" op="gte" val="1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</dgm:alg>
                                </dgm:if>
                                <dgm:else name="Name45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  <dgm:param type="srcNode" val="rootConnector"/>
                                  </dgm:alg>
                                </dgm:else>
                              </dgm:choose>
                            </dgm:if>
                            <dgm:else name="Name46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tCtr"/>
                                <dgm:param type="bendPt" val="end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47" func="var" arg="hierBranch" op="equ" val="hang">
                    <dgm:layoutNode name="Name48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midL midR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else name="Name49">
                    <dgm:layoutNode name="Name50">
                      <dgm:choose name="Name51">
                        <dgm:if name="Name52" axis="self" func="depth" op="lte" val="2">
                          <dgm:choose name="Name53">
                            <dgm:if name="Name54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5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1"/>
                              </dgm:alg>
                            </dgm:else>
                          </dgm:choose>
                        </dgm:if>
                        <dgm:else name="Name56">
                          <dgm:choose name="Name57">
                            <dgm:if name="Name58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9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else>
                </dgm:choose>
              </dgm:forEach>
              <dgm:layoutNode name="hierRoot2">
                <dgm:varLst>
                  <dgm:hierBranch val="init"/>
                </dgm:varLst>
                <dgm:choose name="Name60">
                  <dgm:if name="Name61" func="var" arg="hierBranch" op="equ" val="l">
                    <dgm:choose name="Name62">
                      <dgm:if name="Name63" axis="ch" ptType="asst" func="cnt" op="gte" val="1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4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5" func="var" arg="hierBranch" op="equ" val="r">
                    <dgm:choose name="Name66">
                      <dgm:if name="Name67" axis="ch" ptType="asst" func="cnt" op="g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8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9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70" func="var" arg="hierBranch" op="equ" val="init">
                    <dgm:choose name="Name71">
                      <dgm:if name="Name72" axis="des" func="maxDepth" op="lte" val="1">
                        <dgm:choose name="Name73">
                          <dgm:if name="Name74" axis="ch" ptType="asst" func="cnt" op="gte" val="1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65"/>
                            </dgm:constrLst>
                          </dgm:if>
                          <dgm:else name="Name75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25"/>
                            </dgm:constrLst>
                          </dgm:else>
                        </dgm:choose>
                      </dgm:if>
                      <dgm:else name="Name76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77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else>
                </dgm:choose>
                <dgm:ruleLst/>
                <dgm:layoutNode name="rootComposite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78">
                    <dgm:if name="Name79" func="var" arg="hierBranch" op="equ" val="init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0" func="var" arg="hierBranch" op="equ" val="l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1" func="var" arg="hierBranch" op="equ" val="r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else name="Name82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else>
                  </dgm:choose>
                  <dgm:ruleLst/>
                  <dgm:layoutNode name="rootText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" moveWith="rootText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4">
                  <dgm:choose name="Name83">
                    <dgm:if name="Name84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85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86" func="var" arg="hierBranch" op="equ" val="hang">
                      <dgm:choose name="Name87">
                        <dgm:if name="Name88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89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90" func="var" arg="hierBranch" op="equ" val="std">
                      <dgm:choose name="Name91">
                        <dgm:if name="Name92" func="var" arg="dir" op="equ" val="norm">
                          <dgm:alg type="hierChild"/>
                        </dgm:if>
                        <dgm:else name="Name93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94" func="var" arg="hierBranch" op="equ" val="init">
                      <dgm:choose name="Name95">
                        <dgm:if name="Name96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97">
                          <dgm:choose name="Name98">
                            <dgm:if name="Name99" func="var" arg="dir" op="equ" val="norm">
                              <dgm:alg type="hierChild"/>
                            </dgm:if>
                            <dgm:else name="Name100">
                              <dgm:alg type="hierChild">
                                <dgm:param type="linDir" val="fromR"/>
                              </dgm:alg>
                            </dgm:else>
                          </dgm:choose>
                        </dgm:else>
                      </dgm:choose>
                    </dgm:if>
                    <dgm:else name="Name101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2" ref="rep2a"/>
                </dgm:layoutNode>
                <dgm:layoutNode name="hierChild5">
                  <dgm:choose name="Name103">
                    <dgm:if name="Name104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05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6" ref="rep2b"/>
                </dgm:layoutNode>
              </dgm:layoutNode>
            </dgm:forEach>
          </dgm:layoutNode>
          <dgm:layoutNode name="hierChild3">
            <dgm:choose name="Name107">
              <dgm:if name="Name108" func="var" arg="dir" op="equ" val="norm">
                <dgm:alg type="hierChild">
                  <dgm:param type="chAlign" val="l"/>
                  <dgm:param type="linDir" val="fromL"/>
                  <dgm:param type="secChAlign" val="t"/>
                  <dgm:param type="secLinDir" val="fromT"/>
                </dgm:alg>
              </dgm:if>
              <dgm:else name="Name109">
                <dgm:alg type="hierChild">
                  <dgm:param type="chAlign" val="l"/>
                  <dgm:param type="linDir" val="fromR"/>
                  <dgm:param type="secChAlign" val="t"/>
                  <dgm:param type="secLinDir" val="fromT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b" axis="ch" ptType="asst">
              <dgm:forEach name="Name110" axis="precedSib" ptType="parTrans" st="-1" cnt="1">
                <dgm:layoutNode name="Name111">
                  <dgm:alg type="conn">
                    <dgm:param type="connRout" val="bend"/>
                    <dgm:param type="dim" val="1D"/>
                    <dgm:param type="endSty" val="noArr"/>
                    <dgm:param type="begPts" val="bCtr"/>
                    <dgm:param type="endPts" val="midL midR"/>
                  </dgm:alg>
                  <dgm:shape xmlns:r="http://schemas.openxmlformats.org/officeDocument/2006/relationships" type="conn" r:blip="" zOrderOff="-99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layoutNode name="hierRoot3">
                <dgm:varLst>
                  <dgm:hierBranch val="init"/>
                </dgm:varLst>
                <dgm:choose name="Name112">
                  <dgm:if name="Name113" func="var" arg="hierBranch" op="equ" val="l">
                    <dgm:alg type="hierRoot">
                      <dgm:param type="hierAlign" val="tR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4" func="var" arg="hierBranch" op="equ" val="r">
                    <dgm:alg type="hierRoot">
                      <dgm:param type="hierAlign" val="tL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5" func="var" arg="hierBranch" op="equ" val="hang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6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117" func="var" arg="hierBranch" op="equ" val="init">
                    <dgm:choose name="Name118">
                      <dgm:if name="Name119" axis="des" func="maxDepth" op="l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120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121"/>
                </dgm:choose>
                <dgm:ruleLst/>
                <dgm:layoutNode name="rootComposite3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122">
                    <dgm:if name="Name123" func="var" arg="hierBranch" op="equ" val="init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4" func="var" arg="hierBranch" op="equ" val="l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5" func="var" arg="hierBranch" op="equ" val="r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else name="Name126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else>
                  </dgm:choose>
                  <dgm:ruleLst/>
                  <dgm:layoutNode name="rootText3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3" moveWith="rootText1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6">
                  <dgm:choose name="Name127">
                    <dgm:if name="Name128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129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130" func="var" arg="hierBranch" op="equ" val="hang">
                      <dgm:choose name="Name131">
                        <dgm:if name="Name132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133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134" func="var" arg="hierBranch" op="equ" val="std">
                      <dgm:choose name="Name135">
                        <dgm:if name="Name136" func="var" arg="dir" op="equ" val="norm">
                          <dgm:alg type="hierChild"/>
                        </dgm:if>
                        <dgm:else name="Name137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138" func="var" arg="hierBranch" op="equ" val="init">
                      <dgm:choose name="Name139">
                        <dgm:if name="Name140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141">
                          <dgm:alg type="hierChild"/>
                        </dgm:else>
                      </dgm:choose>
                    </dgm:if>
                    <dgm:else name="Name142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3" ref="rep2a"/>
                </dgm:layoutNode>
                <dgm:layoutNode name="hierChild7">
                  <dgm:choose name="Name144">
                    <dgm:if name="Name145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46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7" ref="rep2b"/>
                </dgm:layoutNode>
              </dgm:layoutNode>
            </dgm:forEach>
          </dgm:layoutNode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4">
  <dgm:title val=""/>
  <dgm:desc val=""/>
  <dgm:catLst>
    <dgm:cat type="simple" pri="104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091591AB-539B-E44D-8471-C117046A1B08}" type="datetimeFigureOut">
              <a:rPr lang="en-US" smtClean="0"/>
              <a:t>10/4/2017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2A9654D-C5D9-4B45-99FF-5394BE331CE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6277570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22A9654D-C5D9-4B45-99FF-5394BE331CE1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7681335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455067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97557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676944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8067377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3788339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456359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4242489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9092025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776976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9439138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11312547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3897F98-C16D-4B4E-8EF6-7C35585627D6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360283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tmp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tmp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tmp"/><Relationship Id="rId2" Type="http://schemas.openxmlformats.org/officeDocument/2006/relationships/image" Target="../media/image10.tmp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tmp"/><Relationship Id="rId2" Type="http://schemas.openxmlformats.org/officeDocument/2006/relationships/image" Target="../media/image12.tmp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tmp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tmp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tmp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tmp"/><Relationship Id="rId2" Type="http://schemas.openxmlformats.org/officeDocument/2006/relationships/image" Target="../media/image10.tmp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tmp"/><Relationship Id="rId2" Type="http://schemas.openxmlformats.org/officeDocument/2006/relationships/image" Target="../media/image12.tmp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Relationship Id="rId5" Type="http://schemas.openxmlformats.org/officeDocument/2006/relationships/chart" Target="../charts/chart4.xml"/><Relationship Id="rId4" Type="http://schemas.openxmlformats.org/officeDocument/2006/relationships/chart" Target="../charts/chart3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2.png"/><Relationship Id="rId3" Type="http://schemas.openxmlformats.org/officeDocument/2006/relationships/diagramLayout" Target="../diagrams/layout1.xml"/><Relationship Id="rId7" Type="http://schemas.openxmlformats.org/officeDocument/2006/relationships/image" Target="../media/image1.png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.xml"/><Relationship Id="rId11" Type="http://schemas.openxmlformats.org/officeDocument/2006/relationships/image" Target="../media/image5.png"/><Relationship Id="rId5" Type="http://schemas.openxmlformats.org/officeDocument/2006/relationships/diagramColors" Target="../diagrams/colors1.xml"/><Relationship Id="rId10" Type="http://schemas.openxmlformats.org/officeDocument/2006/relationships/image" Target="../media/image4.png"/><Relationship Id="rId4" Type="http://schemas.openxmlformats.org/officeDocument/2006/relationships/diagramQuickStyle" Target="../diagrams/quickStyle1.xml"/><Relationship Id="rId9" Type="http://schemas.openxmlformats.org/officeDocument/2006/relationships/image" Target="../media/image3.png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Limited Arbitrage in Equity Market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Mark Mitchell, Todd </a:t>
            </a:r>
            <a:r>
              <a:rPr lang="en-US" dirty="0" err="1" smtClean="0"/>
              <a:t>Pulvino</a:t>
            </a:r>
            <a:r>
              <a:rPr lang="en-US" dirty="0" smtClean="0"/>
              <a:t>, and Erik Stafford</a:t>
            </a:r>
            <a:endParaRPr lang="en-US" dirty="0"/>
          </a:p>
        </p:txBody>
      </p:sp>
      <p:pic>
        <p:nvPicPr>
          <p:cNvPr id="4" name="Picture 3" descr="Screen Clipping"/>
          <p:cNvPicPr>
            <a:picLocks noChangeAspect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22160"/>
          <a:stretch/>
        </p:blipFill>
        <p:spPr>
          <a:xfrm>
            <a:off x="952499" y="1747727"/>
            <a:ext cx="10572751" cy="2706747"/>
          </a:xfrm>
          <a:prstGeom prst="rect">
            <a:avLst/>
          </a:prstGeom>
        </p:spPr>
      </p:pic>
      <p:sp>
        <p:nvSpPr>
          <p:cNvPr id="5" name="Title 1"/>
          <p:cNvSpPr txBox="1">
            <a:spLocks/>
          </p:cNvSpPr>
          <p:nvPr/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r>
              <a:rPr lang="en-US" sz="4400" dirty="0" smtClean="0"/>
              <a:t>Topics in Quant Finance</a:t>
            </a:r>
            <a:endParaRPr lang="en-US" sz="4400" dirty="0"/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427681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ccessing Investment Retur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1825625"/>
            <a:ext cx="11081084" cy="4351338"/>
          </a:xfrm>
        </p:spPr>
        <p:txBody>
          <a:bodyPr>
            <a:normAutofit lnSpcReduction="10000"/>
          </a:bodyPr>
          <a:lstStyle/>
          <a:p>
            <a:pPr marL="0" indent="0">
              <a:buNone/>
            </a:pPr>
            <a:r>
              <a:rPr lang="en-US" dirty="0" smtClean="0"/>
              <a:t>Performance of negative-stub-value investment will be summarized in:</a:t>
            </a:r>
          </a:p>
          <a:p>
            <a:r>
              <a:rPr lang="en-US" dirty="0" smtClean="0"/>
              <a:t>Assuming held individually</a:t>
            </a:r>
          </a:p>
          <a:p>
            <a:pPr lvl="1"/>
            <a:r>
              <a:rPr lang="en-US" dirty="0" smtClean="0"/>
              <a:t>Investment horizon is 1 year, or holding period + risk free rate</a:t>
            </a:r>
          </a:p>
          <a:p>
            <a:pPr lvl="1"/>
            <a:r>
              <a:rPr lang="en-US" dirty="0" smtClean="0"/>
              <a:t>Mean annualized return – risk-free rate</a:t>
            </a:r>
          </a:p>
          <a:p>
            <a:pPr lvl="1"/>
            <a:r>
              <a:rPr lang="en-US" dirty="0" smtClean="0"/>
              <a:t>Frequency of negative returns, margin calls</a:t>
            </a:r>
          </a:p>
          <a:p>
            <a:r>
              <a:rPr lang="en-US" dirty="0" smtClean="0"/>
              <a:t>Assuming in a portfolio</a:t>
            </a:r>
          </a:p>
          <a:p>
            <a:pPr lvl="1"/>
            <a:r>
              <a:rPr lang="en-US" dirty="0" smtClean="0"/>
              <a:t>Individual initial weight &lt;= 20% </a:t>
            </a:r>
          </a:p>
          <a:p>
            <a:pPr lvl="1"/>
            <a:r>
              <a:rPr lang="en-US" dirty="0" smtClean="0"/>
              <a:t>Rebalance when 1)Trigger trade signal 2)Terminated by an events 3) Maintenance margin call</a:t>
            </a:r>
          </a:p>
          <a:p>
            <a:pPr lvl="1"/>
            <a:r>
              <a:rPr lang="en-US" dirty="0" smtClean="0"/>
              <a:t>Summarize return from a calendar-time-portfolio vs FF3F model</a:t>
            </a:r>
            <a:endParaRPr lang="en-US" dirty="0"/>
          </a:p>
          <a:p>
            <a:endParaRPr lang="en-US" dirty="0" smtClean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79941016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Frequency of </a:t>
            </a:r>
            <a:r>
              <a:rPr lang="en-US" dirty="0" smtClean="0"/>
              <a:t>Convergence</a:t>
            </a:r>
            <a:endParaRPr lang="en-US" dirty="0"/>
          </a:p>
        </p:txBody>
      </p:sp>
      <p:pic>
        <p:nvPicPr>
          <p:cNvPr id="5" name="Picture 4" descr="Screen Clippi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38200" y="1519675"/>
            <a:ext cx="6280900" cy="5338325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7714131" y="3209365"/>
            <a:ext cx="3635187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onclusion:</a:t>
            </a:r>
          </a:p>
          <a:p>
            <a:endParaRPr lang="en-US" dirty="0" smtClean="0"/>
          </a:p>
          <a:p>
            <a:r>
              <a:rPr lang="en-US" dirty="0" smtClean="0"/>
              <a:t>A decent amount of “arbitrage” </a:t>
            </a:r>
            <a:r>
              <a:rPr lang="en-US" b="1" dirty="0" smtClean="0"/>
              <a:t>NEVER</a:t>
            </a:r>
            <a:r>
              <a:rPr lang="en-US" dirty="0" smtClean="0"/>
              <a:t> converge!</a:t>
            </a:r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838200" y="1519675"/>
            <a:ext cx="6280900" cy="1465572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57232003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ndividual Investment Returns </a:t>
            </a:r>
            <a:r>
              <a:rPr lang="en-US" sz="2400" dirty="0"/>
              <a:t>Using Rule 1</a:t>
            </a:r>
          </a:p>
        </p:txBody>
      </p:sp>
      <p:pic>
        <p:nvPicPr>
          <p:cNvPr id="4" name="Content Placeholder 3" descr="Screen Clipping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86720" y="1577810"/>
            <a:ext cx="5401429" cy="1733792"/>
          </a:xfrm>
        </p:spPr>
      </p:pic>
      <p:grpSp>
        <p:nvGrpSpPr>
          <p:cNvPr id="16" name="Group 15"/>
          <p:cNvGrpSpPr/>
          <p:nvPr/>
        </p:nvGrpSpPr>
        <p:grpSpPr>
          <a:xfrm>
            <a:off x="838200" y="1514094"/>
            <a:ext cx="5382376" cy="4791744"/>
            <a:chOff x="838200" y="1514094"/>
            <a:chExt cx="5382376" cy="4791744"/>
          </a:xfrm>
        </p:grpSpPr>
        <p:pic>
          <p:nvPicPr>
            <p:cNvPr id="5" name="Picture 4" descr="Screen Clipping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38200" y="1514094"/>
              <a:ext cx="5382376" cy="4791744"/>
            </a:xfrm>
            <a:prstGeom prst="rect">
              <a:avLst/>
            </a:prstGeom>
          </p:spPr>
        </p:pic>
        <p:grpSp>
          <p:nvGrpSpPr>
            <p:cNvPr id="15" name="Group 14"/>
            <p:cNvGrpSpPr/>
            <p:nvPr/>
          </p:nvGrpSpPr>
          <p:grpSpPr>
            <a:xfrm>
              <a:off x="873417" y="2704561"/>
              <a:ext cx="109923" cy="3326150"/>
              <a:chOff x="6252234" y="2722491"/>
              <a:chExt cx="109923" cy="3326150"/>
            </a:xfrm>
          </p:grpSpPr>
          <p:grpSp>
            <p:nvGrpSpPr>
              <p:cNvPr id="8" name="Group 7"/>
              <p:cNvGrpSpPr/>
              <p:nvPr/>
            </p:nvGrpSpPr>
            <p:grpSpPr>
              <a:xfrm>
                <a:off x="6252234" y="2722491"/>
                <a:ext cx="97123" cy="635755"/>
                <a:chOff x="6252234" y="2722491"/>
                <a:chExt cx="97123" cy="635755"/>
              </a:xfrm>
            </p:grpSpPr>
            <p:sp>
              <p:nvSpPr>
                <p:cNvPr id="6" name="Oval 5"/>
                <p:cNvSpPr/>
                <p:nvPr/>
              </p:nvSpPr>
              <p:spPr>
                <a:xfrm>
                  <a:off x="6252234" y="2722491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7" name="Oval 6"/>
                <p:cNvSpPr/>
                <p:nvPr/>
              </p:nvSpPr>
              <p:spPr>
                <a:xfrm>
                  <a:off x="6256069" y="3264958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9" name="Group 8"/>
              <p:cNvGrpSpPr/>
              <p:nvPr/>
            </p:nvGrpSpPr>
            <p:grpSpPr>
              <a:xfrm>
                <a:off x="6257559" y="4063206"/>
                <a:ext cx="97123" cy="635755"/>
                <a:chOff x="6270164" y="2722491"/>
                <a:chExt cx="97123" cy="635755"/>
              </a:xfrm>
            </p:grpSpPr>
            <p:sp>
              <p:nvSpPr>
                <p:cNvPr id="10" name="Oval 9"/>
                <p:cNvSpPr/>
                <p:nvPr/>
              </p:nvSpPr>
              <p:spPr>
                <a:xfrm>
                  <a:off x="6270164" y="2722491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1" name="Oval 10"/>
                <p:cNvSpPr/>
                <p:nvPr/>
              </p:nvSpPr>
              <p:spPr>
                <a:xfrm>
                  <a:off x="6273999" y="3264958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12" name="Group 11"/>
              <p:cNvGrpSpPr/>
              <p:nvPr/>
            </p:nvGrpSpPr>
            <p:grpSpPr>
              <a:xfrm>
                <a:off x="6265034" y="5412886"/>
                <a:ext cx="97123" cy="635755"/>
                <a:chOff x="6261199" y="2722491"/>
                <a:chExt cx="97123" cy="635755"/>
              </a:xfrm>
            </p:grpSpPr>
            <p:sp>
              <p:nvSpPr>
                <p:cNvPr id="13" name="Oval 12"/>
                <p:cNvSpPr/>
                <p:nvPr/>
              </p:nvSpPr>
              <p:spPr>
                <a:xfrm>
                  <a:off x="6261199" y="2722491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4" name="Oval 13"/>
                <p:cNvSpPr/>
                <p:nvPr/>
              </p:nvSpPr>
              <p:spPr>
                <a:xfrm>
                  <a:off x="6265034" y="3264958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</p:grpSp>
      </p:grpSp>
      <p:sp>
        <p:nvSpPr>
          <p:cNvPr id="17" name="TextBox 16"/>
          <p:cNvSpPr txBox="1"/>
          <p:nvPr/>
        </p:nvSpPr>
        <p:spPr>
          <a:xfrm>
            <a:off x="6796738" y="3785623"/>
            <a:ext cx="4092387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onclusion:</a:t>
            </a:r>
          </a:p>
          <a:p>
            <a:endParaRPr lang="en-US" dirty="0" smtClean="0"/>
          </a:p>
          <a:p>
            <a:r>
              <a:rPr lang="en-US" dirty="0" smtClean="0"/>
              <a:t>Return are very </a:t>
            </a:r>
            <a:r>
              <a:rPr lang="en-US" b="1" dirty="0" smtClean="0"/>
              <a:t>volatile </a:t>
            </a:r>
          </a:p>
          <a:p>
            <a:endParaRPr lang="en-US" dirty="0"/>
          </a:p>
          <a:p>
            <a:r>
              <a:rPr lang="en-US" dirty="0" smtClean="0"/>
              <a:t>High chance of getting </a:t>
            </a:r>
            <a:r>
              <a:rPr lang="en-US" b="1" dirty="0" smtClean="0"/>
              <a:t>margin call</a:t>
            </a:r>
            <a:endParaRPr lang="en-US" b="1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18" name="Footer Placeholder 1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19" name="Slide Number Placeholder 1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35384256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4000" dirty="0"/>
              <a:t>Calendar-time Portfolio Regression </a:t>
            </a:r>
            <a:r>
              <a:rPr lang="en-US" sz="4000" dirty="0" smtClean="0"/>
              <a:t>Results</a:t>
            </a:r>
            <a:endParaRPr lang="en-US" sz="4000" dirty="0"/>
          </a:p>
        </p:txBody>
      </p:sp>
      <p:pic>
        <p:nvPicPr>
          <p:cNvPr id="7" name="Content Placeholder 6" descr="Screen Clipping"/>
          <p:cNvPicPr>
            <a:picLocks noGrp="1" noChangeAspect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9404"/>
          <a:stretch/>
        </p:blipFill>
        <p:spPr>
          <a:xfrm>
            <a:off x="7270376" y="1690689"/>
            <a:ext cx="4867195" cy="2397218"/>
          </a:xfrm>
        </p:spPr>
      </p:pic>
      <p:grpSp>
        <p:nvGrpSpPr>
          <p:cNvPr id="10" name="Group 9"/>
          <p:cNvGrpSpPr/>
          <p:nvPr/>
        </p:nvGrpSpPr>
        <p:grpSpPr>
          <a:xfrm>
            <a:off x="838200" y="1556218"/>
            <a:ext cx="6495879" cy="4091547"/>
            <a:chOff x="5168051" y="1663793"/>
            <a:chExt cx="6495879" cy="4091547"/>
          </a:xfrm>
        </p:grpSpPr>
        <p:pic>
          <p:nvPicPr>
            <p:cNvPr id="8" name="Picture 7" descr="Screen Clipping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168051" y="1663793"/>
              <a:ext cx="6495879" cy="4055688"/>
            </a:xfrm>
            <a:prstGeom prst="rect">
              <a:avLst/>
            </a:prstGeom>
          </p:spPr>
        </p:pic>
        <p:sp>
          <p:nvSpPr>
            <p:cNvPr id="9" name="Rectangle 8"/>
            <p:cNvSpPr/>
            <p:nvPr/>
          </p:nvSpPr>
          <p:spPr>
            <a:xfrm>
              <a:off x="7718612" y="2017058"/>
              <a:ext cx="609600" cy="3738282"/>
            </a:xfrm>
            <a:prstGeom prst="rect">
              <a:avLst/>
            </a:prstGeom>
            <a:noFill/>
            <a:ln w="28575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1" name="TextBox 10"/>
          <p:cNvSpPr txBox="1"/>
          <p:nvPr/>
        </p:nvSpPr>
        <p:spPr>
          <a:xfrm>
            <a:off x="7594597" y="4170437"/>
            <a:ext cx="4092387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onclusion:</a:t>
            </a:r>
          </a:p>
          <a:p>
            <a:endParaRPr lang="en-US" dirty="0" smtClean="0"/>
          </a:p>
          <a:p>
            <a:r>
              <a:rPr lang="en-US" dirty="0" smtClean="0"/>
              <a:t>No strong proof of </a:t>
            </a:r>
            <a:r>
              <a:rPr lang="en-US" b="1" dirty="0" smtClean="0"/>
              <a:t>Alpha</a:t>
            </a:r>
            <a:endParaRPr lang="en-US" b="1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60245424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undamental Risk	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225553" y="1534431"/>
            <a:ext cx="4128246" cy="2477432"/>
          </a:xfrm>
        </p:spPr>
        <p:txBody>
          <a:bodyPr>
            <a:normAutofit/>
          </a:bodyPr>
          <a:lstStyle/>
          <a:p>
            <a:r>
              <a:rPr lang="en-US" sz="1800" dirty="0" smtClean="0"/>
              <a:t>Definition:</a:t>
            </a:r>
          </a:p>
          <a:p>
            <a:pPr lvl="1"/>
            <a:r>
              <a:rPr lang="en-US" sz="1600" dirty="0"/>
              <a:t>the possibility that the </a:t>
            </a:r>
            <a:r>
              <a:rPr lang="en-US" sz="1600" dirty="0" smtClean="0"/>
              <a:t>negative stub-value </a:t>
            </a:r>
            <a:r>
              <a:rPr lang="en-US" sz="1600" dirty="0"/>
              <a:t>trade is terminated before prices converge to fundamental </a:t>
            </a:r>
            <a:r>
              <a:rPr lang="en-US" sz="1600" dirty="0" smtClean="0"/>
              <a:t>values</a:t>
            </a:r>
          </a:p>
          <a:p>
            <a:r>
              <a:rPr lang="en-US" sz="1800" dirty="0" smtClean="0"/>
              <a:t>Break of Parent-Subsidiary Link</a:t>
            </a:r>
          </a:p>
          <a:p>
            <a:pPr lvl="1"/>
            <a:endParaRPr lang="en-US" sz="1600" dirty="0"/>
          </a:p>
        </p:txBody>
      </p:sp>
      <p:pic>
        <p:nvPicPr>
          <p:cNvPr id="5" name="Picture 4" descr="Screen Clipping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38200" y="1519675"/>
            <a:ext cx="6280900" cy="5338325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838200" y="3836893"/>
            <a:ext cx="6280900" cy="349625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Rectangle 6"/>
          <p:cNvSpPr/>
          <p:nvPr/>
        </p:nvSpPr>
        <p:spPr>
          <a:xfrm>
            <a:off x="838200" y="5683622"/>
            <a:ext cx="6280900" cy="349625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33485307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ancing Risk 1) Horizon Risk	</a:t>
            </a:r>
            <a:endParaRPr lang="en-US" dirty="0"/>
          </a:p>
        </p:txBody>
      </p:sp>
      <p:pic>
        <p:nvPicPr>
          <p:cNvPr id="4" name="Content Placeholder 3" descr="Screen Clipping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38200" y="1690688"/>
            <a:ext cx="5649113" cy="4115374"/>
          </a:xfrm>
        </p:spPr>
      </p:pic>
      <p:sp>
        <p:nvSpPr>
          <p:cNvPr id="5" name="Rectangle 4"/>
          <p:cNvSpPr/>
          <p:nvPr/>
        </p:nvSpPr>
        <p:spPr>
          <a:xfrm>
            <a:off x="950360" y="2330825"/>
            <a:ext cx="5405615" cy="842681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6" name="Rectangle 5"/>
          <p:cNvSpPr/>
          <p:nvPr/>
        </p:nvSpPr>
        <p:spPr>
          <a:xfrm>
            <a:off x="950359" y="3225762"/>
            <a:ext cx="5405616" cy="842681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7225553" y="1534431"/>
            <a:ext cx="4128246" cy="247743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z="1800" dirty="0" smtClean="0"/>
              <a:t>Definition: </a:t>
            </a:r>
          </a:p>
          <a:p>
            <a:pPr lvl="1"/>
            <a:r>
              <a:rPr lang="en-US" sz="1200" dirty="0" smtClean="0"/>
              <a:t>Trading days between trade signals</a:t>
            </a:r>
          </a:p>
          <a:p>
            <a:pPr lvl="1"/>
            <a:endParaRPr lang="en-US" sz="1200" dirty="0"/>
          </a:p>
          <a:p>
            <a:r>
              <a:rPr lang="en-US" sz="1600" dirty="0" smtClean="0"/>
              <a:t>Conclusion: </a:t>
            </a:r>
          </a:p>
          <a:p>
            <a:pPr lvl="1"/>
            <a:r>
              <a:rPr lang="en-US" sz="1200" dirty="0" smtClean="0"/>
              <a:t>Uncertainty over the time until convergence is large and has a significant effect on returns</a:t>
            </a:r>
          </a:p>
          <a:p>
            <a:pPr lvl="1"/>
            <a:r>
              <a:rPr lang="en-US" sz="1200" dirty="0" smtClean="0"/>
              <a:t>Using rule 1, 10% of the investment is worse than risk free securities</a:t>
            </a:r>
          </a:p>
          <a:p>
            <a:pPr lvl="1"/>
            <a:r>
              <a:rPr lang="en-US" sz="1200" dirty="0" smtClean="0"/>
              <a:t>Using rule 2, 25% of the investment is worse than risk free securities.</a:t>
            </a:r>
            <a:endParaRPr lang="en-US" sz="1200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21704013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inancing Risk 2) Margin Risk	</a:t>
            </a:r>
            <a:endParaRPr lang="en-US" dirty="0"/>
          </a:p>
        </p:txBody>
      </p:sp>
      <p:pic>
        <p:nvPicPr>
          <p:cNvPr id="5" name="Content Placeholder 4" descr="Screen Clipping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1074" y="1690688"/>
            <a:ext cx="6161605" cy="2786367"/>
          </a:xfrm>
        </p:spPr>
      </p:pic>
      <mc:AlternateContent xmlns:mc="http://schemas.openxmlformats.org/markup-compatibility/2006" xmlns:a14="http://schemas.microsoft.com/office/drawing/2010/main">
        <mc:Choice Requires="a14">
          <p:sp>
            <p:nvSpPr>
              <p:cNvPr id="6" name="Content Placeholder 2"/>
              <p:cNvSpPr txBox="1">
                <a:spLocks/>
              </p:cNvSpPr>
              <p:nvPr/>
            </p:nvSpPr>
            <p:spPr>
              <a:xfrm>
                <a:off x="7225553" y="1534430"/>
                <a:ext cx="4128246" cy="5323569"/>
              </a:xfrm>
              <a:prstGeom prst="rect">
                <a:avLst/>
              </a:prstGeom>
            </p:spPr>
            <p:txBody>
              <a:bodyPr vert="horz" lIns="91440" tIns="45720" rIns="91440" bIns="45720" rtlCol="0">
                <a:noAutofit/>
              </a:bodyPr>
              <a:lstStyle>
                <a:lvl1pPr marL="228600" indent="-228600" algn="l" defTabSz="914400" rtl="0" eaLnBrk="1" latinLnBrk="0" hangingPunct="1">
                  <a:lnSpc>
                    <a:spcPct val="90000"/>
                  </a:lnSpc>
                  <a:spcBef>
                    <a:spcPts val="1000"/>
                  </a:spcBef>
                  <a:buFont typeface="Arial"/>
                  <a:buChar char="•"/>
                  <a:defRPr sz="2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6858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/>
                  <a:buChar char="•"/>
                  <a:defRPr sz="24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11430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/>
                  <a:buChar char="•"/>
                  <a:defRPr sz="20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6002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20574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25146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9718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34290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38862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endParaRPr lang="en-US" sz="1400" dirty="0" smtClean="0"/>
              </a:p>
              <a:p>
                <a:endParaRPr lang="en-US" sz="1400" dirty="0"/>
              </a:p>
              <a:p>
                <a:r>
                  <a:rPr lang="en-US" sz="1400" b="1" dirty="0" smtClean="0"/>
                  <a:t>Margin call #1:</a:t>
                </a:r>
                <a:endParaRPr lang="en-US" sz="1400" b="1" i="1" dirty="0" smtClean="0">
                  <a:latin typeface="Cambria Math" panose="02040503050406030204" pitchFamily="18" charset="0"/>
                </a:endParaRPr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sz="14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400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sz="1400" i="1">
                            <a:latin typeface="Cambria Math" panose="02040503050406030204" pitchFamily="18" charset="0"/>
                          </a:rPr>
                          <m:t>𝑆𝑡𝑢𝑏</m:t>
                        </m:r>
                      </m:sub>
                    </m:sSub>
                    <m:r>
                      <a:rPr lang="en-US" sz="1400" i="1">
                        <a:latin typeface="Cambria Math" panose="02040503050406030204" pitchFamily="18" charset="0"/>
                      </a:rPr>
                      <m:t>=−</m:t>
                    </m:r>
                    <m:r>
                      <a:rPr lang="en-US" sz="1400" b="0" i="1" smtClean="0">
                        <a:latin typeface="Cambria Math" panose="02040503050406030204" pitchFamily="18" charset="0"/>
                      </a:rPr>
                      <m:t>94</m:t>
                    </m:r>
                    <m:r>
                      <a:rPr lang="en-US" sz="1400" i="1">
                        <a:latin typeface="Cambria Math" panose="02040503050406030204" pitchFamily="18" charset="0"/>
                      </a:rPr>
                      <m:t> </m:t>
                    </m:r>
                    <m:r>
                      <a:rPr lang="en-US" sz="1400" i="1">
                        <a:latin typeface="Cambria Math" panose="02040503050406030204" pitchFamily="18" charset="0"/>
                      </a:rPr>
                      <m:t>𝑀𝑖𝑙𝑙𝑖𝑜𝑛</m:t>
                    </m:r>
                  </m:oMath>
                </a14:m>
                <a:endParaRPr lang="en-US" sz="1400" dirty="0" smtClean="0"/>
              </a:p>
              <a:p>
                <a:pPr lvl="1"/>
                <a:r>
                  <a:rPr lang="en-US" sz="1400" dirty="0" smtClean="0"/>
                  <a:t>R = - 26% in 7 trading days </a:t>
                </a:r>
              </a:p>
              <a:p>
                <a:r>
                  <a:rPr lang="en-US" sz="1400" b="1" dirty="0"/>
                  <a:t>Margin call </a:t>
                </a:r>
                <a:r>
                  <a:rPr lang="en-US" sz="1400" b="1" dirty="0" smtClean="0"/>
                  <a:t>#2:</a:t>
                </a:r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sz="14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400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sz="1400" i="1">
                            <a:latin typeface="Cambria Math" panose="02040503050406030204" pitchFamily="18" charset="0"/>
                          </a:rPr>
                          <m:t>𝑆𝑡𝑢𝑏</m:t>
                        </m:r>
                      </m:sub>
                    </m:sSub>
                    <m:r>
                      <a:rPr lang="en-US" sz="1400" i="1">
                        <a:latin typeface="Cambria Math" panose="02040503050406030204" pitchFamily="18" charset="0"/>
                      </a:rPr>
                      <m:t>=−</m:t>
                    </m:r>
                    <m:r>
                      <a:rPr lang="en-US" sz="1400" b="0" i="1" smtClean="0">
                        <a:latin typeface="Cambria Math" panose="02040503050406030204" pitchFamily="18" charset="0"/>
                      </a:rPr>
                      <m:t>254</m:t>
                    </m:r>
                    <m:r>
                      <a:rPr lang="en-US" sz="1400" i="1">
                        <a:latin typeface="Cambria Math" panose="02040503050406030204" pitchFamily="18" charset="0"/>
                      </a:rPr>
                      <m:t> </m:t>
                    </m:r>
                    <m:r>
                      <a:rPr lang="en-US" sz="1400" i="1">
                        <a:latin typeface="Cambria Math" panose="02040503050406030204" pitchFamily="18" charset="0"/>
                      </a:rPr>
                      <m:t>𝑀𝑖𝑙𝑙𝑖𝑜𝑛</m:t>
                    </m:r>
                  </m:oMath>
                </a14:m>
                <a:endParaRPr lang="en-US" sz="1400" dirty="0"/>
              </a:p>
              <a:p>
                <a:pPr lvl="1"/>
                <a:r>
                  <a:rPr lang="en-US" sz="1400" dirty="0" smtClean="0"/>
                  <a:t>R = - 84% </a:t>
                </a:r>
                <a:r>
                  <a:rPr lang="en-US" sz="1400" dirty="0"/>
                  <a:t>in </a:t>
                </a:r>
                <a:r>
                  <a:rPr lang="en-US" sz="1400" dirty="0" smtClean="0"/>
                  <a:t>1 </a:t>
                </a:r>
                <a:r>
                  <a:rPr lang="en-US" sz="1400" dirty="0"/>
                  <a:t>trading days </a:t>
                </a:r>
              </a:p>
              <a:p>
                <a:r>
                  <a:rPr lang="en-US" sz="1400" b="1" dirty="0"/>
                  <a:t>Margin call </a:t>
                </a:r>
                <a:r>
                  <a:rPr lang="en-US" sz="1400" b="1" dirty="0" smtClean="0"/>
                  <a:t>#3</a:t>
                </a:r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sz="14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400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sz="1400" i="1">
                            <a:latin typeface="Cambria Math" panose="02040503050406030204" pitchFamily="18" charset="0"/>
                          </a:rPr>
                          <m:t>𝑆𝑡𝑢𝑏</m:t>
                        </m:r>
                      </m:sub>
                    </m:sSub>
                    <m:r>
                      <a:rPr lang="en-US" sz="1400" i="1">
                        <a:latin typeface="Cambria Math" panose="02040503050406030204" pitchFamily="18" charset="0"/>
                      </a:rPr>
                      <m:t>=−</m:t>
                    </m:r>
                    <m:r>
                      <a:rPr lang="en-US" sz="1400" b="0" i="1" smtClean="0">
                        <a:latin typeface="Cambria Math" panose="02040503050406030204" pitchFamily="18" charset="0"/>
                      </a:rPr>
                      <m:t>505</m:t>
                    </m:r>
                    <m:r>
                      <a:rPr lang="en-US" sz="1400" i="1">
                        <a:latin typeface="Cambria Math" panose="02040503050406030204" pitchFamily="18" charset="0"/>
                      </a:rPr>
                      <m:t> </m:t>
                    </m:r>
                    <m:r>
                      <a:rPr lang="en-US" sz="1400" i="1">
                        <a:latin typeface="Cambria Math" panose="02040503050406030204" pitchFamily="18" charset="0"/>
                      </a:rPr>
                      <m:t>𝑀𝑖𝑙𝑙𝑖𝑜𝑛</m:t>
                    </m:r>
                  </m:oMath>
                </a14:m>
                <a:endParaRPr lang="en-US" sz="1400" dirty="0"/>
              </a:p>
              <a:p>
                <a:pPr lvl="1"/>
                <a:r>
                  <a:rPr lang="en-US" sz="1400" dirty="0" smtClean="0"/>
                  <a:t>R = - 91% </a:t>
                </a:r>
                <a:r>
                  <a:rPr lang="en-US" sz="1400" dirty="0"/>
                  <a:t>in </a:t>
                </a:r>
                <a:r>
                  <a:rPr lang="en-US" sz="1400" dirty="0" smtClean="0"/>
                  <a:t>1 </a:t>
                </a:r>
                <a:r>
                  <a:rPr lang="en-US" sz="1400" dirty="0"/>
                  <a:t>trading days </a:t>
                </a:r>
              </a:p>
              <a:p>
                <a:r>
                  <a:rPr lang="en-US" sz="1400" b="1" dirty="0"/>
                  <a:t>Margin call </a:t>
                </a:r>
                <a:r>
                  <a:rPr lang="en-US" sz="1400" b="1" dirty="0" smtClean="0"/>
                  <a:t>#4</a:t>
                </a:r>
              </a:p>
              <a:p>
                <a:pPr lvl="1"/>
                <a14:m>
                  <m:oMath xmlns:m="http://schemas.openxmlformats.org/officeDocument/2006/math">
                    <m:sSub>
                      <m:sSubPr>
                        <m:ctrlPr>
                          <a:rPr lang="en-US" sz="1400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1400" i="1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sz="1400" i="1">
                            <a:latin typeface="Cambria Math" panose="02040503050406030204" pitchFamily="18" charset="0"/>
                          </a:rPr>
                          <m:t>𝑆𝑡𝑢𝑏</m:t>
                        </m:r>
                      </m:sub>
                    </m:sSub>
                    <m:r>
                      <a:rPr lang="en-US" sz="1400" i="1">
                        <a:latin typeface="Cambria Math" panose="02040503050406030204" pitchFamily="18" charset="0"/>
                      </a:rPr>
                      <m:t>=−</m:t>
                    </m:r>
                    <m:r>
                      <a:rPr lang="en-US" sz="1400" b="0" i="1" smtClean="0">
                        <a:latin typeface="Cambria Math" panose="02040503050406030204" pitchFamily="18" charset="0"/>
                      </a:rPr>
                      <m:t>766</m:t>
                    </m:r>
                    <m:r>
                      <a:rPr lang="en-US" sz="1400" i="1">
                        <a:latin typeface="Cambria Math" panose="02040503050406030204" pitchFamily="18" charset="0"/>
                      </a:rPr>
                      <m:t> </m:t>
                    </m:r>
                    <m:r>
                      <a:rPr lang="en-US" sz="1400" i="1">
                        <a:latin typeface="Cambria Math" panose="02040503050406030204" pitchFamily="18" charset="0"/>
                      </a:rPr>
                      <m:t>𝑀𝑖𝑙𝑙𝑖𝑜𝑛</m:t>
                    </m:r>
                  </m:oMath>
                </a14:m>
                <a:endParaRPr lang="en-US" sz="1400" dirty="0"/>
              </a:p>
              <a:p>
                <a:pPr lvl="1"/>
                <a:r>
                  <a:rPr lang="en-US" sz="1400" dirty="0" smtClean="0"/>
                  <a:t>R = - 63% </a:t>
                </a:r>
                <a:r>
                  <a:rPr lang="en-US" sz="1400" dirty="0"/>
                  <a:t>in </a:t>
                </a:r>
                <a:r>
                  <a:rPr lang="en-US" sz="1400" dirty="0" smtClean="0"/>
                  <a:t>1 </a:t>
                </a:r>
                <a:r>
                  <a:rPr lang="en-US" sz="1400" dirty="0"/>
                  <a:t>trading days </a:t>
                </a:r>
                <a:endParaRPr lang="en-US" sz="1400" dirty="0" smtClean="0"/>
              </a:p>
              <a:p>
                <a:r>
                  <a:rPr lang="en-US" sz="1400" b="1" dirty="0" smtClean="0"/>
                  <a:t>When finally converge:</a:t>
                </a:r>
              </a:p>
              <a:p>
                <a:pPr lvl="1"/>
                <a:r>
                  <a:rPr lang="en-US" sz="1400" dirty="0" smtClean="0"/>
                  <a:t>R = - 99% over all return</a:t>
                </a:r>
                <a:endParaRPr lang="en-US" sz="1400" b="1" dirty="0"/>
              </a:p>
              <a:p>
                <a:endParaRPr lang="en-US" sz="1400" dirty="0" smtClean="0"/>
              </a:p>
            </p:txBody>
          </p:sp>
        </mc:Choice>
        <mc:Fallback xmlns="">
          <p:sp>
            <p:nvSpPr>
              <p:cNvPr id="6" name="Content Placeholder 2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225553" y="1534430"/>
                <a:ext cx="4128246" cy="5323569"/>
              </a:xfrm>
              <a:prstGeom prst="rect">
                <a:avLst/>
              </a:prstGeom>
              <a:blipFill rotWithShape="0">
                <a:blip r:embed="rId3"/>
                <a:stretch>
                  <a:fillRect l="-148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8" name="TextBox 7"/>
              <p:cNvSpPr txBox="1"/>
              <p:nvPr/>
            </p:nvSpPr>
            <p:spPr>
              <a:xfrm>
                <a:off x="951074" y="4652682"/>
                <a:ext cx="6274479" cy="2585323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/>
                  <a:t>20% </a:t>
                </a:r>
                <a:r>
                  <a:rPr lang="en-US" dirty="0" err="1" smtClean="0"/>
                  <a:t>Ubid</a:t>
                </a:r>
                <a:r>
                  <a:rPr lang="en-US" dirty="0" smtClean="0"/>
                  <a:t> for IPO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/>
                  <a:t>Distribute remaining 80% to CC’s current stockholders after 6 month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/>
                  <a:t>1 share CC Long + 0.72 </a:t>
                </a:r>
                <a:r>
                  <a:rPr lang="en-US" dirty="0" err="1" smtClean="0"/>
                  <a:t>shars</a:t>
                </a:r>
                <a:r>
                  <a:rPr lang="en-US" dirty="0" smtClean="0"/>
                  <a:t> </a:t>
                </a:r>
                <a:r>
                  <a:rPr lang="en-US" dirty="0" err="1" smtClean="0"/>
                  <a:t>Ubid</a:t>
                </a:r>
                <a:r>
                  <a:rPr lang="en-US" dirty="0" smtClean="0"/>
                  <a:t> Short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𝑉</m:t>
                        </m:r>
                      </m:e>
                      <m:sub>
                        <m:r>
                          <a:rPr lang="en-US" b="0" i="1" smtClean="0">
                            <a:latin typeface="Cambria Math" panose="02040503050406030204" pitchFamily="18" charset="0"/>
                          </a:rPr>
                          <m:t>𝑆𝑡𝑢𝑏</m:t>
                        </m:r>
                      </m:sub>
                    </m:sSub>
                    <m:r>
                      <a:rPr lang="en-US" b="0" i="1" smtClean="0">
                        <a:latin typeface="Cambria Math" panose="02040503050406030204" pitchFamily="18" charset="0"/>
                      </a:rPr>
                      <m:t>=−28 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𝑀𝑖𝑙𝑙𝑖𝑜𝑛</m:t>
                    </m:r>
                  </m:oMath>
                </a14:m>
                <a:endParaRPr lang="en-US" b="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dirty="0" smtClean="0"/>
                  <a:t>Regulation T leverage (realistic margin requirement)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r>
                  <a:rPr lang="en-US" b="0" dirty="0" smtClean="0"/>
                  <a:t>R = 45% at the end of the 6 month</a:t>
                </a:r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b="0" dirty="0" smtClean="0"/>
              </a:p>
              <a:p>
                <a:pPr marL="285750" indent="-285750">
                  <a:buFont typeface="Arial" panose="020B0604020202020204" pitchFamily="34" charset="0"/>
                  <a:buChar char="•"/>
                </a:pPr>
                <a:endParaRPr lang="en-US" dirty="0"/>
              </a:p>
            </p:txBody>
          </p:sp>
        </mc:Choice>
        <mc:Fallback xmlns="">
          <p:sp>
            <p:nvSpPr>
              <p:cNvPr id="8" name="TextBox 7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951074" y="4652682"/>
                <a:ext cx="6274479" cy="2585323"/>
              </a:xfrm>
              <a:prstGeom prst="rect">
                <a:avLst/>
              </a:prstGeom>
              <a:blipFill rotWithShape="0">
                <a:blip r:embed="rId4"/>
                <a:stretch>
                  <a:fillRect l="-583" t="-1179" r="-1555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9" name="TextBox 8"/>
          <p:cNvSpPr txBox="1"/>
          <p:nvPr/>
        </p:nvSpPr>
        <p:spPr>
          <a:xfrm>
            <a:off x="1998519" y="1478645"/>
            <a:ext cx="6274479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reative Computers (CC) – </a:t>
            </a:r>
            <a:r>
              <a:rPr lang="en-US" dirty="0" err="1" smtClean="0"/>
              <a:t>Ubid</a:t>
            </a:r>
            <a:endParaRPr lang="en-US" dirty="0" smtClean="0"/>
          </a:p>
        </p:txBody>
      </p:sp>
      <p:sp>
        <p:nvSpPr>
          <p:cNvPr id="10" name="Rectangle 9"/>
          <p:cNvSpPr/>
          <p:nvPr/>
        </p:nvSpPr>
        <p:spPr>
          <a:xfrm>
            <a:off x="10650071" y="2474260"/>
            <a:ext cx="896470" cy="286870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b="1" dirty="0" smtClean="0"/>
              <a:t>Liquidate</a:t>
            </a:r>
            <a:endParaRPr lang="en-US" sz="1000" b="1" dirty="0"/>
          </a:p>
        </p:txBody>
      </p:sp>
      <p:sp>
        <p:nvSpPr>
          <p:cNvPr id="11" name="Rectangle 10"/>
          <p:cNvSpPr/>
          <p:nvPr/>
        </p:nvSpPr>
        <p:spPr>
          <a:xfrm>
            <a:off x="10661277" y="3299853"/>
            <a:ext cx="896470" cy="286870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b="1" dirty="0" smtClean="0"/>
              <a:t>Liquidate</a:t>
            </a:r>
            <a:endParaRPr lang="en-US" sz="1000" b="1" dirty="0"/>
          </a:p>
        </p:txBody>
      </p:sp>
      <p:sp>
        <p:nvSpPr>
          <p:cNvPr id="12" name="Rectangle 11"/>
          <p:cNvSpPr/>
          <p:nvPr/>
        </p:nvSpPr>
        <p:spPr>
          <a:xfrm>
            <a:off x="10650071" y="4125446"/>
            <a:ext cx="896470" cy="286870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b="1" dirty="0" smtClean="0"/>
              <a:t>Liquidate</a:t>
            </a:r>
            <a:endParaRPr lang="en-US" sz="1000" b="1" dirty="0"/>
          </a:p>
        </p:txBody>
      </p:sp>
      <p:sp>
        <p:nvSpPr>
          <p:cNvPr id="13" name="Rectangle 12"/>
          <p:cNvSpPr/>
          <p:nvPr/>
        </p:nvSpPr>
        <p:spPr>
          <a:xfrm>
            <a:off x="10650071" y="4952720"/>
            <a:ext cx="896470" cy="286870"/>
          </a:xfrm>
          <a:prstGeom prst="rect">
            <a:avLst/>
          </a:prstGeom>
          <a:solidFill>
            <a:srgbClr val="FF0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b="1" dirty="0" smtClean="0"/>
              <a:t>Liquidate</a:t>
            </a:r>
            <a:endParaRPr lang="en-US" sz="1000" b="1" dirty="0"/>
          </a:p>
        </p:txBody>
      </p:sp>
      <p:sp>
        <p:nvSpPr>
          <p:cNvPr id="14" name="Rectangle 13"/>
          <p:cNvSpPr/>
          <p:nvPr/>
        </p:nvSpPr>
        <p:spPr>
          <a:xfrm>
            <a:off x="10661277" y="5662675"/>
            <a:ext cx="896470" cy="286870"/>
          </a:xfrm>
          <a:prstGeom prst="rect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b="1" dirty="0" smtClean="0"/>
              <a:t>Close</a:t>
            </a:r>
            <a:endParaRPr lang="en-US" sz="1000" b="1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33599565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ndividual Investment Returns </a:t>
            </a:r>
            <a:r>
              <a:rPr lang="en-US" sz="2400" dirty="0"/>
              <a:t>Using Rule 1</a:t>
            </a:r>
          </a:p>
        </p:txBody>
      </p:sp>
      <p:pic>
        <p:nvPicPr>
          <p:cNvPr id="4" name="Content Placeholder 3" descr="Screen Clipping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586720" y="1577810"/>
            <a:ext cx="5401429" cy="1733792"/>
          </a:xfrm>
        </p:spPr>
      </p:pic>
      <p:grpSp>
        <p:nvGrpSpPr>
          <p:cNvPr id="16" name="Group 15"/>
          <p:cNvGrpSpPr/>
          <p:nvPr/>
        </p:nvGrpSpPr>
        <p:grpSpPr>
          <a:xfrm>
            <a:off x="838200" y="1514094"/>
            <a:ext cx="5382376" cy="4791744"/>
            <a:chOff x="838200" y="1514094"/>
            <a:chExt cx="5382376" cy="4791744"/>
          </a:xfrm>
        </p:grpSpPr>
        <p:pic>
          <p:nvPicPr>
            <p:cNvPr id="5" name="Picture 4" descr="Screen Clipping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38200" y="1514094"/>
              <a:ext cx="5382376" cy="4791744"/>
            </a:xfrm>
            <a:prstGeom prst="rect">
              <a:avLst/>
            </a:prstGeom>
          </p:spPr>
        </p:pic>
        <p:grpSp>
          <p:nvGrpSpPr>
            <p:cNvPr id="15" name="Group 14"/>
            <p:cNvGrpSpPr/>
            <p:nvPr/>
          </p:nvGrpSpPr>
          <p:grpSpPr>
            <a:xfrm>
              <a:off x="873417" y="2704561"/>
              <a:ext cx="109923" cy="3326150"/>
              <a:chOff x="6252234" y="2722491"/>
              <a:chExt cx="109923" cy="3326150"/>
            </a:xfrm>
          </p:grpSpPr>
          <p:grpSp>
            <p:nvGrpSpPr>
              <p:cNvPr id="8" name="Group 7"/>
              <p:cNvGrpSpPr/>
              <p:nvPr/>
            </p:nvGrpSpPr>
            <p:grpSpPr>
              <a:xfrm>
                <a:off x="6252234" y="2722491"/>
                <a:ext cx="97123" cy="635755"/>
                <a:chOff x="6252234" y="2722491"/>
                <a:chExt cx="97123" cy="635755"/>
              </a:xfrm>
            </p:grpSpPr>
            <p:sp>
              <p:nvSpPr>
                <p:cNvPr id="6" name="Oval 5"/>
                <p:cNvSpPr/>
                <p:nvPr/>
              </p:nvSpPr>
              <p:spPr>
                <a:xfrm>
                  <a:off x="6252234" y="2722491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7" name="Oval 6"/>
                <p:cNvSpPr/>
                <p:nvPr/>
              </p:nvSpPr>
              <p:spPr>
                <a:xfrm>
                  <a:off x="6256069" y="3264958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9" name="Group 8"/>
              <p:cNvGrpSpPr/>
              <p:nvPr/>
            </p:nvGrpSpPr>
            <p:grpSpPr>
              <a:xfrm>
                <a:off x="6257559" y="4063206"/>
                <a:ext cx="97123" cy="635755"/>
                <a:chOff x="6270164" y="2722491"/>
                <a:chExt cx="97123" cy="635755"/>
              </a:xfrm>
            </p:grpSpPr>
            <p:sp>
              <p:nvSpPr>
                <p:cNvPr id="10" name="Oval 9"/>
                <p:cNvSpPr/>
                <p:nvPr/>
              </p:nvSpPr>
              <p:spPr>
                <a:xfrm>
                  <a:off x="6270164" y="2722491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1" name="Oval 10"/>
                <p:cNvSpPr/>
                <p:nvPr/>
              </p:nvSpPr>
              <p:spPr>
                <a:xfrm>
                  <a:off x="6273999" y="3264958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  <p:grpSp>
            <p:nvGrpSpPr>
              <p:cNvPr id="12" name="Group 11"/>
              <p:cNvGrpSpPr/>
              <p:nvPr/>
            </p:nvGrpSpPr>
            <p:grpSpPr>
              <a:xfrm>
                <a:off x="6265034" y="5412886"/>
                <a:ext cx="97123" cy="635755"/>
                <a:chOff x="6261199" y="2722491"/>
                <a:chExt cx="97123" cy="635755"/>
              </a:xfrm>
            </p:grpSpPr>
            <p:sp>
              <p:nvSpPr>
                <p:cNvPr id="13" name="Oval 12"/>
                <p:cNvSpPr/>
                <p:nvPr/>
              </p:nvSpPr>
              <p:spPr>
                <a:xfrm>
                  <a:off x="6261199" y="2722491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  <p:sp>
              <p:nvSpPr>
                <p:cNvPr id="14" name="Oval 13"/>
                <p:cNvSpPr/>
                <p:nvPr/>
              </p:nvSpPr>
              <p:spPr>
                <a:xfrm>
                  <a:off x="6265034" y="3264958"/>
                  <a:ext cx="93288" cy="93288"/>
                </a:xfrm>
                <a:prstGeom prst="ellipse">
                  <a:avLst/>
                </a:prstGeom>
                <a:solidFill>
                  <a:srgbClr val="FF0000"/>
                </a:solidFill>
                <a:ln>
                  <a:solidFill>
                    <a:schemeClr val="bg1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US"/>
                </a:p>
              </p:txBody>
            </p:sp>
          </p:grpSp>
        </p:grpSp>
      </p:grpSp>
      <p:sp>
        <p:nvSpPr>
          <p:cNvPr id="17" name="TextBox 16"/>
          <p:cNvSpPr txBox="1"/>
          <p:nvPr/>
        </p:nvSpPr>
        <p:spPr>
          <a:xfrm>
            <a:off x="6796738" y="3785623"/>
            <a:ext cx="4092387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onclusion:</a:t>
            </a:r>
          </a:p>
          <a:p>
            <a:endParaRPr lang="en-US" dirty="0" smtClean="0"/>
          </a:p>
          <a:p>
            <a:r>
              <a:rPr lang="en-US" dirty="0" smtClean="0"/>
              <a:t>Return are very </a:t>
            </a:r>
            <a:r>
              <a:rPr lang="en-US" b="1" dirty="0" smtClean="0"/>
              <a:t>volatile </a:t>
            </a:r>
          </a:p>
          <a:p>
            <a:endParaRPr lang="en-US" dirty="0"/>
          </a:p>
          <a:p>
            <a:r>
              <a:rPr lang="en-US" dirty="0" smtClean="0"/>
              <a:t>High chance of getting </a:t>
            </a:r>
            <a:r>
              <a:rPr lang="en-US" b="1" dirty="0" smtClean="0"/>
              <a:t>margin call</a:t>
            </a:r>
            <a:endParaRPr lang="en-US" b="1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18" name="Footer Placeholder 1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19" name="Slide Number Placeholder 1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28765086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4000" dirty="0"/>
              <a:t>Calendar-time Portfolio Regression </a:t>
            </a:r>
            <a:r>
              <a:rPr lang="en-US" sz="4000" dirty="0" smtClean="0"/>
              <a:t>Results</a:t>
            </a:r>
            <a:endParaRPr lang="en-US" sz="4000" dirty="0"/>
          </a:p>
        </p:txBody>
      </p:sp>
      <p:pic>
        <p:nvPicPr>
          <p:cNvPr id="7" name="Content Placeholder 6" descr="Screen Clipping"/>
          <p:cNvPicPr>
            <a:picLocks noGrp="1" noChangeAspect="1"/>
          </p:cNvPicPr>
          <p:nvPr>
            <p:ph idx="1"/>
          </p:nvPr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10417"/>
          <a:stretch/>
        </p:blipFill>
        <p:spPr>
          <a:xfrm>
            <a:off x="7270376" y="1690689"/>
            <a:ext cx="4812767" cy="2397218"/>
          </a:xfrm>
        </p:spPr>
      </p:pic>
      <p:grpSp>
        <p:nvGrpSpPr>
          <p:cNvPr id="10" name="Group 9"/>
          <p:cNvGrpSpPr/>
          <p:nvPr/>
        </p:nvGrpSpPr>
        <p:grpSpPr>
          <a:xfrm>
            <a:off x="838200" y="1556218"/>
            <a:ext cx="6495879" cy="4091547"/>
            <a:chOff x="5168051" y="1663793"/>
            <a:chExt cx="6495879" cy="4091547"/>
          </a:xfrm>
        </p:grpSpPr>
        <p:pic>
          <p:nvPicPr>
            <p:cNvPr id="8" name="Picture 7" descr="Screen Clipping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5168051" y="1663793"/>
              <a:ext cx="6495879" cy="4055688"/>
            </a:xfrm>
            <a:prstGeom prst="rect">
              <a:avLst/>
            </a:prstGeom>
          </p:spPr>
        </p:pic>
        <p:sp>
          <p:nvSpPr>
            <p:cNvPr id="9" name="Rectangle 8"/>
            <p:cNvSpPr/>
            <p:nvPr/>
          </p:nvSpPr>
          <p:spPr>
            <a:xfrm>
              <a:off x="7718612" y="2017058"/>
              <a:ext cx="609600" cy="3738282"/>
            </a:xfrm>
            <a:prstGeom prst="rect">
              <a:avLst/>
            </a:prstGeom>
            <a:noFill/>
            <a:ln w="28575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</p:grpSp>
      <p:sp>
        <p:nvSpPr>
          <p:cNvPr id="11" name="TextBox 10"/>
          <p:cNvSpPr txBox="1"/>
          <p:nvPr/>
        </p:nvSpPr>
        <p:spPr>
          <a:xfrm>
            <a:off x="7594597" y="4170437"/>
            <a:ext cx="4092387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Conclusion:</a:t>
            </a:r>
          </a:p>
          <a:p>
            <a:endParaRPr lang="en-US" dirty="0" smtClean="0"/>
          </a:p>
          <a:p>
            <a:r>
              <a:rPr lang="en-US" dirty="0" smtClean="0"/>
              <a:t>No strong proof of </a:t>
            </a:r>
            <a:r>
              <a:rPr lang="en-US" b="1" dirty="0" smtClean="0"/>
              <a:t>Alpha</a:t>
            </a:r>
            <a:endParaRPr lang="en-US" b="1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61504438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ents: about the “arbitrage”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26572" y="1825625"/>
            <a:ext cx="4408714" cy="4351338"/>
          </a:xfrm>
        </p:spPr>
        <p:txBody>
          <a:bodyPr>
            <a:noAutofit/>
          </a:bodyPr>
          <a:lstStyle/>
          <a:p>
            <a:r>
              <a:rPr lang="en-US" sz="1800" dirty="0" smtClean="0"/>
              <a:t>Financing Risk</a:t>
            </a:r>
          </a:p>
          <a:p>
            <a:pPr lvl="1"/>
            <a:r>
              <a:rPr lang="en-US" sz="1600" dirty="0" smtClean="0"/>
              <a:t>Timing is fatal</a:t>
            </a:r>
          </a:p>
          <a:p>
            <a:pPr lvl="1"/>
            <a:r>
              <a:rPr lang="en-US" sz="1600" dirty="0" smtClean="0"/>
              <a:t>Market can be “insufficient” in some cases, which cause divergence</a:t>
            </a:r>
          </a:p>
          <a:p>
            <a:r>
              <a:rPr lang="en-US" sz="1800" dirty="0" smtClean="0"/>
              <a:t>Fundamental Risk</a:t>
            </a:r>
            <a:endParaRPr lang="en-US" sz="1800" dirty="0"/>
          </a:p>
          <a:p>
            <a:pPr lvl="1"/>
            <a:r>
              <a:rPr lang="en-US" sz="1600" dirty="0" smtClean="0"/>
              <a:t>Arbitragers’ profit comes from investors</a:t>
            </a:r>
          </a:p>
          <a:p>
            <a:pPr lvl="1"/>
            <a:r>
              <a:rPr lang="en-US" sz="1600" dirty="0" smtClean="0"/>
              <a:t>Arbitragers close position, they sell and buy with different investors covering EACH SIDE</a:t>
            </a:r>
          </a:p>
          <a:p>
            <a:pPr lvl="1"/>
            <a:r>
              <a:rPr lang="en-US" sz="1600" dirty="0" smtClean="0"/>
              <a:t>They have to wait until BOTH SIDES of the market make consensus on the valuation</a:t>
            </a:r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24060375"/>
              </p:ext>
            </p:extLst>
          </p:nvPr>
        </p:nvGraphicFramePr>
        <p:xfrm>
          <a:off x="4744813" y="1408019"/>
          <a:ext cx="3233058" cy="20764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7" name="Chart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826023169"/>
              </p:ext>
            </p:extLst>
          </p:nvPr>
        </p:nvGraphicFramePr>
        <p:xfrm>
          <a:off x="4735286" y="4001294"/>
          <a:ext cx="3223531" cy="216217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8" name="Chart 7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149391018"/>
              </p:ext>
            </p:extLst>
          </p:nvPr>
        </p:nvGraphicFramePr>
        <p:xfrm>
          <a:off x="8279947" y="1352550"/>
          <a:ext cx="3252106" cy="218738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9" name="Chart 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31018584"/>
              </p:ext>
            </p:extLst>
          </p:nvPr>
        </p:nvGraphicFramePr>
        <p:xfrm>
          <a:off x="8224197" y="4044996"/>
          <a:ext cx="3363605" cy="207477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cxnSp>
        <p:nvCxnSpPr>
          <p:cNvPr id="11" name="Straight Connector 10"/>
          <p:cNvCxnSpPr/>
          <p:nvPr/>
        </p:nvCxnSpPr>
        <p:spPr>
          <a:xfrm>
            <a:off x="6444342" y="1352550"/>
            <a:ext cx="0" cy="5059136"/>
          </a:xfrm>
          <a:prstGeom prst="line">
            <a:avLst/>
          </a:prstGeom>
          <a:ln w="19050">
            <a:solidFill>
              <a:srgbClr val="92D05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/>
        </p:nvCxnSpPr>
        <p:spPr>
          <a:xfrm>
            <a:off x="10003969" y="1287233"/>
            <a:ext cx="0" cy="5059136"/>
          </a:xfrm>
          <a:prstGeom prst="line">
            <a:avLst/>
          </a:prstGeom>
          <a:ln w="19050">
            <a:solidFill>
              <a:srgbClr val="92D05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10" name="Slide Number Placeholder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1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3126229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ree lunch?</a:t>
            </a:r>
            <a:endParaRPr lang="en-US" dirty="0"/>
          </a:p>
        </p:txBody>
      </p:sp>
      <p:graphicFrame>
        <p:nvGraphicFramePr>
          <p:cNvPr id="6" name="Content Placeholder 5"/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1769451089"/>
              </p:ext>
            </p:extLst>
          </p:nvPr>
        </p:nvGraphicFramePr>
        <p:xfrm>
          <a:off x="4929942" y="3034105"/>
          <a:ext cx="7248896" cy="209323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grpSp>
        <p:nvGrpSpPr>
          <p:cNvPr id="12" name="Group 11"/>
          <p:cNvGrpSpPr/>
          <p:nvPr/>
        </p:nvGrpSpPr>
        <p:grpSpPr>
          <a:xfrm>
            <a:off x="3716442" y="3280724"/>
            <a:ext cx="1439523" cy="1537762"/>
            <a:chOff x="3816689" y="2464130"/>
            <a:chExt cx="1439523" cy="1537762"/>
          </a:xfrm>
        </p:grpSpPr>
        <mc:AlternateContent xmlns:mc="http://schemas.openxmlformats.org/markup-compatibility/2006" xmlns:a14="http://schemas.microsoft.com/office/drawing/2010/main">
          <mc:Choice Requires="a14">
            <p:sp>
              <p:nvSpPr>
                <p:cNvPr id="7" name="TextBox 6"/>
                <p:cNvSpPr txBox="1"/>
                <p:nvPr/>
              </p:nvSpPr>
              <p:spPr>
                <a:xfrm>
                  <a:off x="5030189" y="2464130"/>
                  <a:ext cx="226023" cy="276999"/>
                </a:xfrm>
                <a:prstGeom prst="rect">
                  <a:avLst/>
                </a:prstGeom>
                <a:noFill/>
              </p:spPr>
              <p:txBody>
                <a:bodyPr wrap="none" lIns="0" tIns="0" rIns="0" bIns="0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mr-IN" i="1" smtClean="0">
                            <a:latin typeface="Cambria Math" charset="0"/>
                            <a:ea typeface="Cambria Math" charset="0"/>
                            <a:cs typeface="Cambria Math" charset="0"/>
                          </a:rPr>
                          <m:t>=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7" name="TextBox 6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030189" y="2464130"/>
                  <a:ext cx="226023" cy="276999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 l="-10811" r="-10811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8" name="TextBox 7"/>
                <p:cNvSpPr txBox="1"/>
                <p:nvPr/>
              </p:nvSpPr>
              <p:spPr>
                <a:xfrm>
                  <a:off x="5030188" y="3720935"/>
                  <a:ext cx="226023" cy="276999"/>
                </a:xfrm>
                <a:prstGeom prst="rect">
                  <a:avLst/>
                </a:prstGeom>
                <a:noFill/>
              </p:spPr>
              <p:txBody>
                <a:bodyPr wrap="none" lIns="0" tIns="0" rIns="0" bIns="0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mr-IN" i="1" smtClean="0">
                            <a:latin typeface="Cambria Math" charset="0"/>
                            <a:ea typeface="Cambria Math" charset="0"/>
                            <a:cs typeface="Cambria Math" charset="0"/>
                          </a:rPr>
                          <m:t>=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8" name="TextBox 7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5030188" y="3720935"/>
                  <a:ext cx="226023" cy="276999"/>
                </a:xfrm>
                <a:prstGeom prst="rect">
                  <a:avLst/>
                </a:prstGeom>
                <a:blipFill rotWithShape="0">
                  <a:blip r:embed="rId7"/>
                  <a:stretch>
                    <a:fillRect l="-10811" r="-10811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0" name="TextBox 9"/>
                <p:cNvSpPr txBox="1"/>
                <p:nvPr/>
              </p:nvSpPr>
              <p:spPr>
                <a:xfrm>
                  <a:off x="3816689" y="2470068"/>
                  <a:ext cx="936923" cy="276999"/>
                </a:xfrm>
                <a:prstGeom prst="rect">
                  <a:avLst/>
                </a:prstGeom>
                <a:noFill/>
              </p:spPr>
              <p:txBody>
                <a:bodyPr wrap="none" lIns="0" tIns="0" rIns="0" bIns="0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b="0" i="1" smtClean="0">
                            <a:latin typeface="Cambria Math" charset="0"/>
                          </a:rPr>
                          <m:t>2 </m:t>
                        </m:r>
                        <m:r>
                          <a:rPr lang="en-US" b="0" i="1" smtClean="0">
                            <a:latin typeface="Cambria Math" charset="0"/>
                          </a:rPr>
                          <m:t>𝐵𝑖𝑙𝑙𝑖𝑜𝑛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0" name="TextBox 9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3816689" y="2470068"/>
                  <a:ext cx="936923" cy="276999"/>
                </a:xfrm>
                <a:prstGeom prst="rect">
                  <a:avLst/>
                </a:prstGeom>
                <a:blipFill rotWithShape="0">
                  <a:blip r:embed="rId8"/>
                  <a:stretch>
                    <a:fillRect l="-5195" t="-143478" r="-5844" b="-176087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  <mc:AlternateContent xmlns:mc="http://schemas.openxmlformats.org/markup-compatibility/2006" xmlns:a14="http://schemas.microsoft.com/office/drawing/2010/main">
          <mc:Choice Requires="a14">
            <p:sp>
              <p:nvSpPr>
                <p:cNvPr id="11" name="TextBox 10"/>
                <p:cNvSpPr txBox="1"/>
                <p:nvPr/>
              </p:nvSpPr>
              <p:spPr>
                <a:xfrm>
                  <a:off x="3816689" y="3724893"/>
                  <a:ext cx="1113253" cy="276999"/>
                </a:xfrm>
                <a:prstGeom prst="rect">
                  <a:avLst/>
                </a:prstGeom>
                <a:noFill/>
              </p:spPr>
              <p:txBody>
                <a:bodyPr wrap="none" lIns="0" tIns="0" rIns="0" bIns="0" rtlCol="0">
                  <a:spAutoFit/>
                </a:bodyPr>
                <a:lstStyle/>
                <a:p>
                  <a:pPr/>
                  <a14:m>
                    <m:oMathPara xmlns:m="http://schemas.openxmlformats.org/officeDocument/2006/math">
                      <m:oMathParaPr>
                        <m:jc m:val="centerGroup"/>
                      </m:oMathParaPr>
                      <m:oMath xmlns:m="http://schemas.openxmlformats.org/officeDocument/2006/math">
                        <m:r>
                          <a:rPr lang="en-US" b="0" i="1" smtClean="0">
                            <a:latin typeface="Cambria Math" charset="0"/>
                          </a:rPr>
                          <m:t>2.5 </m:t>
                        </m:r>
                        <m:r>
                          <a:rPr lang="en-US" b="0" i="1" smtClean="0">
                            <a:latin typeface="Cambria Math" charset="0"/>
                          </a:rPr>
                          <m:t>𝐵𝑖𝑙𝑙𝑖𝑜𝑛</m:t>
                        </m:r>
                      </m:oMath>
                    </m:oMathPara>
                  </a14:m>
                  <a:endParaRPr lang="en-US" dirty="0"/>
                </a:p>
              </p:txBody>
            </p:sp>
          </mc:Choice>
          <mc:Fallback xmlns="">
            <p:sp>
              <p:nvSpPr>
                <p:cNvPr id="11" name="TextBox 10"/>
                <p:cNvSpPr txBox="1">
                  <a:spLocks noRot="1" noChangeAspect="1" noMove="1" noResize="1" noEditPoints="1" noAdjustHandles="1" noChangeArrowheads="1" noChangeShapeType="1" noTextEdit="1"/>
                </p:cNvSpPr>
                <p:nvPr/>
              </p:nvSpPr>
              <p:spPr>
                <a:xfrm>
                  <a:off x="3816689" y="3724893"/>
                  <a:ext cx="1113253" cy="276999"/>
                </a:xfrm>
                <a:prstGeom prst="rect">
                  <a:avLst/>
                </a:prstGeom>
                <a:blipFill rotWithShape="0">
                  <a:blip r:embed="rId9"/>
                  <a:stretch>
                    <a:fillRect l="-4372" t="-146667" r="-4918" b="-182222"/>
                  </a:stretch>
                </a:blipFill>
              </p:spPr>
              <p:txBody>
                <a:bodyPr/>
                <a:lstStyle/>
                <a:p>
                  <a:r>
                    <a:rPr lang="en-US">
                      <a:noFill/>
                    </a:rPr>
                    <a:t> </a:t>
                  </a:r>
                </a:p>
              </p:txBody>
            </p:sp>
          </mc:Fallback>
        </mc:AlternateContent>
      </p:grp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Rectangle 12"/>
              <p:cNvSpPr/>
              <p:nvPr/>
            </p:nvSpPr>
            <p:spPr>
              <a:xfrm>
                <a:off x="1087285" y="3167908"/>
                <a:ext cx="2256312" cy="558141"/>
              </a:xfrm>
              <a:prstGeom prst="rect">
                <a:avLst/>
              </a:prstGeom>
              <a:solidFill>
                <a:srgbClr val="00B05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/>
                  <a:t>Long </a:t>
                </a:r>
                <a14:m>
                  <m:oMath xmlns:m="http://schemas.openxmlformats.org/officeDocument/2006/math">
                    <m:f>
                      <m:f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b="0" i="1" smtClean="0">
                            <a:latin typeface="Cambria Math" charset="0"/>
                          </a:rPr>
                          <m:t>𝑋</m:t>
                        </m:r>
                      </m:num>
                      <m:den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charset="0"/>
                              </a:rPr>
                              <m:t>𝑃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charset="0"/>
                              </a:rPr>
                              <m:t>𝑃𝑎𝑟𝑒𝑛𝑡</m:t>
                            </m:r>
                          </m:sub>
                        </m:sSub>
                      </m:den>
                    </m:f>
                  </m:oMath>
                </a14:m>
                <a:r>
                  <a:rPr lang="en-US" dirty="0" smtClean="0"/>
                  <a:t> Shares</a:t>
                </a:r>
                <a:endParaRPr lang="en-US" dirty="0"/>
              </a:p>
            </p:txBody>
          </p:sp>
        </mc:Choice>
        <mc:Fallback xmlns="">
          <p:sp>
            <p:nvSpPr>
              <p:cNvPr id="13" name="Rectangle 12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87285" y="3167908"/>
                <a:ext cx="2256312" cy="558141"/>
              </a:xfrm>
              <a:prstGeom prst="rect">
                <a:avLst/>
              </a:prstGeom>
              <a:blipFill rotWithShape="0">
                <a:blip r:embed="rId10"/>
                <a:stretch>
                  <a:fillRect l="-1081" r="-1351"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4" name="Rectangle 13"/>
              <p:cNvSpPr/>
              <p:nvPr/>
            </p:nvSpPr>
            <p:spPr>
              <a:xfrm>
                <a:off x="1087285" y="4339174"/>
                <a:ext cx="2256312" cy="558141"/>
              </a:xfrm>
              <a:prstGeom prst="rect">
                <a:avLst/>
              </a:prstGeom>
              <a:solidFill>
                <a:srgbClr val="FF00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dirty="0" smtClean="0"/>
                  <a:t>Short </a:t>
                </a:r>
                <a14:m>
                  <m:oMath xmlns:m="http://schemas.openxmlformats.org/officeDocument/2006/math">
                    <m:f>
                      <m:f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fPr>
                      <m:num>
                        <m:r>
                          <a:rPr lang="en-US" b="0" i="1" smtClean="0">
                            <a:latin typeface="Cambria Math" charset="0"/>
                          </a:rPr>
                          <m:t>𝑋</m:t>
                        </m:r>
                      </m:num>
                      <m:den>
                        <m:sSub>
                          <m:sSubPr>
                            <m:ctrlPr>
                              <a:rPr lang="en-US" b="0" i="1" smtClean="0">
                                <a:latin typeface="Cambria Math" panose="02040503050406030204" pitchFamily="18" charset="0"/>
                              </a:rPr>
                            </m:ctrlPr>
                          </m:sSubPr>
                          <m:e>
                            <m:r>
                              <a:rPr lang="en-US" b="0" i="1" smtClean="0">
                                <a:latin typeface="Cambria Math" charset="0"/>
                              </a:rPr>
                              <m:t>𝑃</m:t>
                            </m:r>
                          </m:e>
                          <m:sub>
                            <m:r>
                              <a:rPr lang="en-US" b="0" i="1" smtClean="0">
                                <a:latin typeface="Cambria Math" charset="0"/>
                              </a:rPr>
                              <m:t>𝑠𝑢𝑏</m:t>
                            </m:r>
                          </m:sub>
                        </m:sSub>
                      </m:den>
                    </m:f>
                  </m:oMath>
                </a14:m>
                <a:r>
                  <a:rPr lang="en-US" dirty="0" smtClean="0"/>
                  <a:t> Shares</a:t>
                </a:r>
                <a:endParaRPr lang="en-US" dirty="0"/>
              </a:p>
            </p:txBody>
          </p:sp>
        </mc:Choice>
        <mc:Fallback xmlns="">
          <p:sp>
            <p:nvSpPr>
              <p:cNvPr id="14" name="Rectangle 13"/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087285" y="4339174"/>
                <a:ext cx="2256312" cy="558141"/>
              </a:xfrm>
              <a:prstGeom prst="rect">
                <a:avLst/>
              </a:prstGeom>
              <a:blipFill rotWithShape="0">
                <a:blip r:embed="rId11"/>
                <a:stretch>
                  <a:fillRect/>
                </a:stretch>
              </a:blipFill>
              <a:ln>
                <a:noFill/>
              </a:ln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939684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ments: about the pap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US" dirty="0" smtClean="0"/>
              <a:t>Too simple screening for “pairs” </a:t>
            </a:r>
          </a:p>
          <a:p>
            <a:pPr lvl="1"/>
            <a:r>
              <a:rPr lang="en-US" dirty="0" smtClean="0"/>
              <a:t>Used only public share info</a:t>
            </a:r>
          </a:p>
          <a:p>
            <a:pPr lvl="1"/>
            <a:r>
              <a:rPr lang="en-US" dirty="0" smtClean="0"/>
              <a:t>Off balance sheet items </a:t>
            </a:r>
          </a:p>
          <a:p>
            <a:r>
              <a:rPr lang="en-US" dirty="0" smtClean="0"/>
              <a:t>Some useless assumption:</a:t>
            </a:r>
          </a:p>
          <a:p>
            <a:pPr lvl="1"/>
            <a:r>
              <a:rPr lang="en-US" dirty="0" smtClean="0"/>
              <a:t>“Textbook” leverage: not practical </a:t>
            </a:r>
          </a:p>
          <a:p>
            <a:pPr lvl="1"/>
            <a:r>
              <a:rPr lang="en-US" dirty="0" smtClean="0"/>
              <a:t>“</a:t>
            </a:r>
            <a:r>
              <a:rPr lang="en-US" dirty="0"/>
              <a:t>C</a:t>
            </a:r>
            <a:r>
              <a:rPr lang="en-US" dirty="0" smtClean="0"/>
              <a:t>onservative” leverage makes no sense</a:t>
            </a:r>
          </a:p>
          <a:p>
            <a:r>
              <a:rPr lang="en-US" dirty="0" smtClean="0"/>
              <a:t>Short rebate rate</a:t>
            </a:r>
          </a:p>
          <a:p>
            <a:pPr lvl="1"/>
            <a:r>
              <a:rPr lang="en-US" dirty="0" smtClean="0"/>
              <a:t>Cases from 1985 – 2000</a:t>
            </a:r>
          </a:p>
          <a:p>
            <a:pPr lvl="1"/>
            <a:r>
              <a:rPr lang="en-US" dirty="0" smtClean="0"/>
              <a:t>Rebate data from Dec.1998 – Oct. 2000</a:t>
            </a:r>
          </a:p>
          <a:p>
            <a:pPr lvl="1"/>
            <a:endParaRPr lang="en-US" dirty="0"/>
          </a:p>
          <a:p>
            <a:pPr lvl="1"/>
            <a:endParaRPr lang="en-US" dirty="0" smtClean="0"/>
          </a:p>
          <a:p>
            <a:pPr marL="0" indent="0">
              <a:buNone/>
            </a:pPr>
            <a:r>
              <a:rPr lang="en-US" sz="3300" dirty="0" smtClean="0"/>
              <a:t>This is a profitable business, because hedge fund managers should be able to know more about a specific deal than the authors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20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1007133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Free lunch</a:t>
            </a:r>
            <a:r>
              <a:rPr lang="en-US" dirty="0" smtClean="0"/>
              <a:t>? No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altLang="zh-CN" dirty="0" smtClean="0"/>
              <a:t>Can NOT implement the strategy without initial capital</a:t>
            </a:r>
          </a:p>
          <a:p>
            <a:pPr lvl="1"/>
            <a:r>
              <a:rPr lang="en-US" altLang="zh-CN" dirty="0" smtClean="0"/>
              <a:t>Initial margin requirement (market friction)</a:t>
            </a:r>
          </a:p>
          <a:p>
            <a:pPr lvl="1"/>
            <a:r>
              <a:rPr lang="en-US" altLang="zh-CN" dirty="0" smtClean="0"/>
              <a:t>Margin call when prices diverge</a:t>
            </a:r>
          </a:p>
          <a:p>
            <a:endParaRPr lang="en-US" dirty="0"/>
          </a:p>
          <a:p>
            <a:r>
              <a:rPr lang="en-US" dirty="0" smtClean="0"/>
              <a:t>The investment is NOT risk free</a:t>
            </a:r>
          </a:p>
          <a:p>
            <a:pPr lvl="1"/>
            <a:r>
              <a:rPr lang="en-US" dirty="0"/>
              <a:t>T</a:t>
            </a:r>
            <a:r>
              <a:rPr lang="en-US" dirty="0" smtClean="0"/>
              <a:t>he </a:t>
            </a:r>
            <a:r>
              <a:rPr lang="en-US" dirty="0"/>
              <a:t>prices may never converge</a:t>
            </a:r>
            <a:r>
              <a:rPr lang="zh-CN" altLang="en-US" dirty="0"/>
              <a:t> </a:t>
            </a:r>
            <a:r>
              <a:rPr lang="en-US" altLang="zh-CN" dirty="0"/>
              <a:t>(imperfect information)</a:t>
            </a:r>
          </a:p>
          <a:p>
            <a:pPr lvl="1"/>
            <a:r>
              <a:rPr lang="en-US" dirty="0"/>
              <a:t>There maybe no arbitrage at all (Off balance sheet)</a:t>
            </a:r>
          </a:p>
          <a:p>
            <a:pPr lvl="1"/>
            <a:r>
              <a:rPr lang="en-US" dirty="0" smtClean="0"/>
              <a:t>Realized return &lt; risk-free rate</a:t>
            </a:r>
          </a:p>
          <a:p>
            <a:pPr lvl="1"/>
            <a:r>
              <a:rPr lang="en-US" dirty="0" smtClean="0"/>
              <a:t>Diverging forces liquidation</a:t>
            </a:r>
          </a:p>
          <a:p>
            <a:pPr marL="0" indent="0">
              <a:buNone/>
            </a:pPr>
            <a:r>
              <a:rPr lang="en-US" dirty="0" smtClean="0"/>
              <a:t>	</a:t>
            </a:r>
            <a:endParaRPr lang="en-US" dirty="0"/>
          </a:p>
          <a:p>
            <a:endParaRPr lang="en-US" dirty="0"/>
          </a:p>
        </p:txBody>
      </p:sp>
      <p:sp>
        <p:nvSpPr>
          <p:cNvPr id="8" name="Rectangle 7"/>
          <p:cNvSpPr/>
          <p:nvPr/>
        </p:nvSpPr>
        <p:spPr>
          <a:xfrm>
            <a:off x="9474573" y="4240911"/>
            <a:ext cx="1866900" cy="287860"/>
          </a:xfrm>
          <a:prstGeom prst="rect">
            <a:avLst/>
          </a:prstGeom>
          <a:solidFill>
            <a:srgbClr val="FFC000">
              <a:alpha val="5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bg2">
                    <a:lumMod val="10000"/>
                  </a:schemeClr>
                </a:solidFill>
              </a:rPr>
              <a:t>Fundamental Risk</a:t>
            </a:r>
            <a:endParaRPr lang="en-US" sz="1400" dirty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5950004" y="5013144"/>
            <a:ext cx="2581836" cy="287860"/>
          </a:xfrm>
          <a:prstGeom prst="rect">
            <a:avLst/>
          </a:prstGeom>
          <a:solidFill>
            <a:srgbClr val="00B050">
              <a:alpha val="5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bg2">
                    <a:lumMod val="10000"/>
                  </a:schemeClr>
                </a:solidFill>
              </a:rPr>
              <a:t>Financing Risk: Margin risk </a:t>
            </a:r>
            <a:endParaRPr lang="en-US" sz="1400" dirty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5" name="Rectangle 14"/>
          <p:cNvSpPr/>
          <p:nvPr/>
        </p:nvSpPr>
        <p:spPr>
          <a:xfrm>
            <a:off x="10155891" y="3885583"/>
            <a:ext cx="1866900" cy="287860"/>
          </a:xfrm>
          <a:prstGeom prst="rect">
            <a:avLst/>
          </a:prstGeom>
          <a:solidFill>
            <a:srgbClr val="FFC000">
              <a:alpha val="5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bg2">
                    <a:lumMod val="10000"/>
                  </a:schemeClr>
                </a:solidFill>
              </a:rPr>
              <a:t>Fundamental Risk</a:t>
            </a:r>
            <a:endParaRPr lang="en-US" sz="1400" dirty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6443063" y="4657816"/>
            <a:ext cx="2581836" cy="287860"/>
          </a:xfrm>
          <a:prstGeom prst="rect">
            <a:avLst/>
          </a:prstGeom>
          <a:solidFill>
            <a:srgbClr val="00B050">
              <a:alpha val="5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bg2">
                    <a:lumMod val="10000"/>
                  </a:schemeClr>
                </a:solidFill>
              </a:rPr>
              <a:t>Financing Risk: Horizon risk </a:t>
            </a:r>
            <a:endParaRPr lang="en-US" sz="1400" dirty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19" name="Rectangle 18"/>
          <p:cNvSpPr/>
          <p:nvPr/>
        </p:nvSpPr>
        <p:spPr>
          <a:xfrm>
            <a:off x="8068233" y="2418828"/>
            <a:ext cx="2581836" cy="287860"/>
          </a:xfrm>
          <a:prstGeom prst="rect">
            <a:avLst/>
          </a:prstGeom>
          <a:solidFill>
            <a:srgbClr val="00B050">
              <a:alpha val="55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400" dirty="0" smtClean="0">
                <a:solidFill>
                  <a:schemeClr val="bg2">
                    <a:lumMod val="10000"/>
                  </a:schemeClr>
                </a:solidFill>
              </a:rPr>
              <a:t>Financing Risk: Margin risk </a:t>
            </a:r>
            <a:endParaRPr lang="en-US" sz="1400" dirty="0">
              <a:solidFill>
                <a:schemeClr val="bg2">
                  <a:lumMod val="10000"/>
                </a:schemeClr>
              </a:solidFill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4199676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mpirical Study Setup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838200" y="2380797"/>
            <a:ext cx="10515600" cy="4351338"/>
          </a:xfrm>
        </p:spPr>
        <p:txBody>
          <a:bodyPr/>
          <a:lstStyle/>
          <a:p>
            <a:r>
              <a:rPr lang="en-US" dirty="0" smtClean="0"/>
              <a:t>Target</a:t>
            </a:r>
          </a:p>
          <a:p>
            <a:pPr lvl="1"/>
            <a:r>
              <a:rPr lang="en-US" dirty="0" smtClean="0"/>
              <a:t>Authors studied 82 “arbitrage” situations to exam the possibility/performance of such investment strategy</a:t>
            </a:r>
            <a:endParaRPr lang="en-US" dirty="0"/>
          </a:p>
          <a:p>
            <a:r>
              <a:rPr lang="en-US" dirty="0" smtClean="0"/>
              <a:t>Data</a:t>
            </a:r>
          </a:p>
          <a:p>
            <a:pPr lvl="1"/>
            <a:r>
              <a:rPr lang="en-US" dirty="0" smtClean="0"/>
              <a:t>82 situations (more trading opportunities) </a:t>
            </a:r>
            <a:endParaRPr lang="en-US" dirty="0"/>
          </a:p>
          <a:p>
            <a:r>
              <a:rPr lang="en-US" dirty="0" smtClean="0"/>
              <a:t>Time</a:t>
            </a:r>
          </a:p>
          <a:p>
            <a:pPr lvl="1"/>
            <a:r>
              <a:rPr lang="en-US" dirty="0" smtClean="0"/>
              <a:t>1985 - 2000</a:t>
            </a:r>
          </a:p>
          <a:p>
            <a:endParaRPr lang="en-US" dirty="0"/>
          </a:p>
          <a:p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4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4130095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finition</a:t>
            </a:r>
            <a:endParaRPr lang="en-US" dirty="0"/>
          </a:p>
        </p:txBody>
      </p:sp>
      <p:pic>
        <p:nvPicPr>
          <p:cNvPr id="4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54396" y="1837925"/>
            <a:ext cx="7404100" cy="584200"/>
          </a:xfr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54396" y="2984500"/>
            <a:ext cx="6781800" cy="889000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54396" y="4435875"/>
            <a:ext cx="7277100" cy="914400"/>
          </a:xfrm>
          <a:prstGeom prst="rect">
            <a:avLst/>
          </a:prstGeom>
        </p:spPr>
      </p:pic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5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66807878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mple Construction 	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3" name="Content Placeholder 2"/>
              <p:cNvSpPr>
                <a:spLocks noGrp="1"/>
              </p:cNvSpPr>
              <p:nvPr>
                <p:ph idx="1"/>
              </p:nvPr>
            </p:nvSpPr>
            <p:spPr/>
            <p:txBody>
              <a:bodyPr>
                <a:normAutofit fontScale="92500" lnSpcReduction="10000"/>
              </a:bodyPr>
              <a:lstStyle/>
              <a:p>
                <a:r>
                  <a:rPr lang="en-US" dirty="0" smtClean="0"/>
                  <a:t>Method one: </a:t>
                </a:r>
              </a:p>
              <a:p>
                <a:pPr lvl="1"/>
                <a:r>
                  <a:rPr lang="en-US" dirty="0" smtClean="0"/>
                  <a:t>Find a pair: we </a:t>
                </a:r>
                <a:r>
                  <a:rPr lang="en-US" dirty="0"/>
                  <a:t>search the Securities Data Corporation (SDC) </a:t>
                </a:r>
                <a:r>
                  <a:rPr lang="en-US" dirty="0" smtClean="0"/>
                  <a:t>database from </a:t>
                </a:r>
                <a:r>
                  <a:rPr lang="en-US" dirty="0"/>
                  <a:t>1985 through 2000 for all initial public offerings (IPO) where </a:t>
                </a:r>
                <a:r>
                  <a:rPr lang="en-US" dirty="0" smtClean="0"/>
                  <a:t>another publicly traded </a:t>
                </a:r>
                <a:r>
                  <a:rPr lang="en-US" dirty="0"/>
                  <a:t>firm owned the IPO shares prior to the offering</a:t>
                </a:r>
                <a:r>
                  <a:rPr lang="en-US" dirty="0" smtClean="0"/>
                  <a:t>.</a:t>
                </a:r>
              </a:p>
              <a:p>
                <a:pPr lvl="1"/>
                <a:r>
                  <a:rPr lang="en-US" dirty="0" smtClean="0"/>
                  <a:t>Calculate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b="0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en-US">
                            <a:latin typeface="Cambria Math" panose="02040503050406030204" pitchFamily="18" charset="0"/>
                          </a:rPr>
                          <m:t>V</m:t>
                        </m:r>
                      </m:e>
                      <m:sub>
                        <m:r>
                          <m:rPr>
                            <m:sty m:val="p"/>
                          </m:rPr>
                          <a:rPr lang="en-US" b="0" i="0" smtClean="0">
                            <a:latin typeface="Cambria Math" panose="02040503050406030204" pitchFamily="18" charset="0"/>
                          </a:rPr>
                          <m:t>Stub</m:t>
                        </m:r>
                      </m:sub>
                    </m:sSub>
                  </m:oMath>
                </a14:m>
                <a:r>
                  <a:rPr lang="en-US" dirty="0" smtClean="0"/>
                  <a:t>, add it in portfolio if Rule 1 or Rule 2 is met</a:t>
                </a:r>
              </a:p>
              <a:p>
                <a:r>
                  <a:rPr lang="en-US" dirty="0" smtClean="0"/>
                  <a:t>Method two:</a:t>
                </a:r>
              </a:p>
              <a:p>
                <a:pPr lvl="1"/>
                <a:r>
                  <a:rPr lang="en-US" dirty="0" smtClean="0"/>
                  <a:t>Search the financial press and trade publications for extreme relative value situation, to find a “pair”</a:t>
                </a:r>
              </a:p>
              <a:p>
                <a:pPr lvl="1"/>
                <a:r>
                  <a:rPr lang="en-US" dirty="0" smtClean="0"/>
                  <a:t> </a:t>
                </a:r>
                <a:r>
                  <a:rPr lang="en-US" dirty="0"/>
                  <a:t>Calculate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m:rPr>
                            <m:sty m:val="p"/>
                          </m:rPr>
                          <a:rPr lang="en-US">
                            <a:latin typeface="Cambria Math" panose="02040503050406030204" pitchFamily="18" charset="0"/>
                          </a:rPr>
                          <m:t>V</m:t>
                        </m:r>
                      </m:e>
                      <m:sub>
                        <m:r>
                          <m:rPr>
                            <m:sty m:val="p"/>
                          </m:rPr>
                          <a:rPr lang="en-US">
                            <a:latin typeface="Cambria Math" panose="02040503050406030204" pitchFamily="18" charset="0"/>
                          </a:rPr>
                          <m:t>Stub</m:t>
                        </m:r>
                      </m:sub>
                    </m:sSub>
                  </m:oMath>
                </a14:m>
                <a:r>
                  <a:rPr lang="en-US" dirty="0"/>
                  <a:t>, add it in portfolio if Rule 1 or Rule 2 is </a:t>
                </a:r>
                <a:r>
                  <a:rPr lang="en-US" dirty="0" smtClean="0"/>
                  <a:t>met</a:t>
                </a:r>
              </a:p>
              <a:p>
                <a:r>
                  <a:rPr lang="en-US" dirty="0" smtClean="0"/>
                  <a:t>Result: (From 1985 – 2000)</a:t>
                </a:r>
              </a:p>
              <a:p>
                <a:pPr lvl="1"/>
                <a:r>
                  <a:rPr lang="en-US" dirty="0" smtClean="0"/>
                  <a:t>70 Parent/Subsidiary pairs by Rule 1</a:t>
                </a:r>
              </a:p>
              <a:p>
                <a:pPr lvl="1"/>
                <a:r>
                  <a:rPr lang="en-US" dirty="0" smtClean="0"/>
                  <a:t>82 Parent/Subsidiary pairs by Rule 2</a:t>
                </a:r>
                <a:endParaRPr lang="en-US" dirty="0"/>
              </a:p>
              <a:p>
                <a:pPr marL="457200" lvl="1" indent="0">
                  <a:buNone/>
                </a:pPr>
                <a:endParaRPr lang="en-US" dirty="0" smtClean="0"/>
              </a:p>
            </p:txBody>
          </p:sp>
        </mc:Choice>
        <mc:Fallback xmlns="">
          <p:sp>
            <p:nvSpPr>
              <p:cNvPr id="3" name="Content Placeholder 2"/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idx="1"/>
              </p:nvPr>
            </p:nvSpPr>
            <p:spPr>
              <a:blipFill rotWithShape="0">
                <a:blip r:embed="rId2"/>
                <a:stretch>
                  <a:fillRect l="-928" t="-3081" r="-1333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6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86092006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sz="3600" dirty="0" smtClean="0"/>
              <a:t>Shares Outstanding and Short Rebates</a:t>
            </a:r>
            <a:endParaRPr lang="en-US" sz="36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hares outstanding</a:t>
            </a:r>
          </a:p>
          <a:p>
            <a:pPr lvl="1"/>
            <a:r>
              <a:rPr lang="en-US" dirty="0" smtClean="0"/>
              <a:t>Quarterly company filings of financial reports</a:t>
            </a:r>
          </a:p>
          <a:p>
            <a:endParaRPr lang="en-US" dirty="0"/>
          </a:p>
          <a:p>
            <a:r>
              <a:rPr lang="en-US" dirty="0" smtClean="0"/>
              <a:t>Short Rebate</a:t>
            </a:r>
          </a:p>
          <a:p>
            <a:pPr lvl="1"/>
            <a:r>
              <a:rPr lang="en-US" dirty="0" smtClean="0"/>
              <a:t>Ameritrade (Dec 1998 – Oct 2000)</a:t>
            </a:r>
          </a:p>
          <a:p>
            <a:pPr lvl="1"/>
            <a:r>
              <a:rPr lang="en-US" dirty="0" smtClean="0"/>
              <a:t>20-50 bps less than Fed Fund Rat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66320337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nvestment Strategy and Retur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Criterion by which the stub is judged to be mispriced</a:t>
            </a:r>
          </a:p>
          <a:p>
            <a:endParaRPr lang="en-US" dirty="0" smtClean="0"/>
          </a:p>
          <a:p>
            <a:pPr lvl="1"/>
            <a:endParaRPr lang="en-US" dirty="0" smtClean="0"/>
          </a:p>
          <a:p>
            <a:endParaRPr lang="en-US" dirty="0" smtClean="0"/>
          </a:p>
          <a:p>
            <a:endParaRPr lang="en-US" dirty="0"/>
          </a:p>
          <a:p>
            <a:endParaRPr lang="en-US" dirty="0" smtClean="0"/>
          </a:p>
          <a:p>
            <a:r>
              <a:rPr lang="en-US" dirty="0" smtClean="0"/>
              <a:t>The buy threshold </a:t>
            </a:r>
          </a:p>
          <a:p>
            <a:r>
              <a:rPr lang="en-US" dirty="0" smtClean="0"/>
              <a:t>The sell threshold</a:t>
            </a:r>
          </a:p>
          <a:p>
            <a:r>
              <a:rPr lang="en-US" dirty="0" smtClean="0"/>
              <a:t>The financial leverage used(Initial investment capital)</a:t>
            </a: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7745" y="2368354"/>
            <a:ext cx="6874366" cy="901136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7745" y="3269490"/>
            <a:ext cx="7376442" cy="926882"/>
          </a:xfrm>
          <a:prstGeom prst="rect">
            <a:avLst/>
          </a:prstGeom>
        </p:spPr>
      </p:pic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8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32721314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100000">
              <a:srgbClr val="E5E5E5"/>
            </a:gs>
            <a:gs pos="0">
              <a:schemeClr val="bg1"/>
            </a:gs>
            <a:gs pos="96000">
              <a:srgbClr val="E0E0E0"/>
            </a:gs>
            <a:gs pos="76000">
              <a:schemeClr val="bg1"/>
            </a:gs>
            <a:gs pos="11000">
              <a:schemeClr val="bg1"/>
            </a:gs>
            <a:gs pos="4000">
              <a:schemeClr val="accent3">
                <a:lumMod val="45000"/>
                <a:lumOff val="55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he financial leverage </a:t>
            </a:r>
            <a:r>
              <a:rPr lang="en-US" dirty="0" smtClean="0"/>
              <a:t>used</a:t>
            </a:r>
            <a:br>
              <a:rPr lang="en-US" dirty="0" smtClean="0"/>
            </a:br>
            <a:r>
              <a:rPr lang="en-US" sz="2800" dirty="0" smtClean="0"/>
              <a:t>(for Initial Investment Capital</a:t>
            </a:r>
            <a:r>
              <a:rPr lang="en-US" sz="2800" dirty="0"/>
              <a:t>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US" dirty="0" smtClean="0"/>
              <a:t>“Textbook” Leverage</a:t>
            </a:r>
          </a:p>
          <a:p>
            <a:pPr lvl="1"/>
            <a:r>
              <a:rPr lang="en-US" dirty="0" smtClean="0"/>
              <a:t>First assumption: 50%*(long mkt value + short mkt value)</a:t>
            </a:r>
          </a:p>
          <a:p>
            <a:pPr lvl="1"/>
            <a:r>
              <a:rPr lang="en-US" dirty="0" smtClean="0"/>
              <a:t>Second assumption: no maintenance margin requirements (no margin call)</a:t>
            </a:r>
          </a:p>
          <a:p>
            <a:r>
              <a:rPr lang="en-US" dirty="0" smtClean="0"/>
              <a:t>“Regulation T” Leverage</a:t>
            </a:r>
          </a:p>
          <a:p>
            <a:pPr lvl="1"/>
            <a:r>
              <a:rPr lang="en-US" dirty="0" smtClean="0"/>
              <a:t>Initial margin same as above</a:t>
            </a:r>
          </a:p>
          <a:p>
            <a:pPr lvl="1"/>
            <a:r>
              <a:rPr lang="en-US" dirty="0" smtClean="0"/>
              <a:t>Maintenance margin</a:t>
            </a:r>
          </a:p>
          <a:p>
            <a:pPr lvl="2"/>
            <a:r>
              <a:rPr lang="en-US" dirty="0" smtClean="0"/>
              <a:t>E.g. NYSE and NASD requires minimum margin = 25%*long + 30%*short </a:t>
            </a:r>
          </a:p>
          <a:p>
            <a:r>
              <a:rPr lang="en-US" dirty="0" smtClean="0"/>
              <a:t>“Conservative” Leverage</a:t>
            </a:r>
          </a:p>
          <a:p>
            <a:pPr lvl="1"/>
            <a:r>
              <a:rPr lang="en-US" dirty="0" smtClean="0"/>
              <a:t>Manually calculated IIC that won’t trigger any margin call.</a:t>
            </a:r>
          </a:p>
          <a:p>
            <a:pPr lvl="1"/>
            <a:r>
              <a:rPr lang="en-US" dirty="0" smtClean="0"/>
              <a:t>“Gods eye” </a:t>
            </a:r>
          </a:p>
          <a:p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en-US" smtClean="0"/>
              <a:t>10/5/2017</a:t>
            </a:r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 smtClean="0"/>
              <a:t>Jiaxing Guo, Ricky</a:t>
            </a: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897F98-C16D-4B4E-8EF6-7C35585627D6}" type="slidenum">
              <a:rPr lang="en-US" smtClean="0"/>
              <a:t>9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1471222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Century Schoolbook">
      <a:majorFont>
        <a:latin typeface="Century Schoolbook" panose="02040604050505020304"/>
        <a:ea typeface=""/>
        <a:cs typeface=""/>
        <a:font script="Jpan" typeface="ＭＳ Ｐ明朝"/>
        <a:font script="Hang" typeface="휴먼매직체"/>
        <a:font script="Hans" typeface="华文楷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entury Schoolbook" panose="02040604050505020304"/>
        <a:ea typeface=""/>
        <a:cs typeface=""/>
        <a:font script="Jpan" typeface="ＭＳ Ｐ明朝"/>
        <a:font script="Hang" typeface="휴먼매직체"/>
        <a:font script="Hans" typeface="宋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Yu Gothic Light"/>
        <a:font script="Hang" typeface="맑은 고딕"/>
        <a:font script="Hans" typeface="DengXian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Yu Gothic"/>
        <a:font script="Hang" typeface="맑은 고딕"/>
        <a:font script="Hans" typeface="DengXian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474</TotalTime>
  <Words>866</Words>
  <Application>Microsoft Office PowerPoint</Application>
  <PresentationFormat>Widescreen</PresentationFormat>
  <Paragraphs>233</Paragraphs>
  <Slides>20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0</vt:i4>
      </vt:variant>
    </vt:vector>
  </HeadingPairs>
  <TitlesOfParts>
    <vt:vector size="26" baseType="lpstr">
      <vt:lpstr>宋体</vt:lpstr>
      <vt:lpstr>Arial</vt:lpstr>
      <vt:lpstr>Calibri</vt:lpstr>
      <vt:lpstr>Cambria Math</vt:lpstr>
      <vt:lpstr>Century Schoolbook</vt:lpstr>
      <vt:lpstr>Office Theme</vt:lpstr>
      <vt:lpstr>Limited Arbitrage in Equity Market</vt:lpstr>
      <vt:lpstr>Free lunch?</vt:lpstr>
      <vt:lpstr>Free lunch? No.</vt:lpstr>
      <vt:lpstr>Empirical Study Setup</vt:lpstr>
      <vt:lpstr>Definition</vt:lpstr>
      <vt:lpstr>Sample Construction  </vt:lpstr>
      <vt:lpstr>Shares Outstanding and Short Rebates</vt:lpstr>
      <vt:lpstr>Investment Strategy and Return</vt:lpstr>
      <vt:lpstr>The financial leverage used (for Initial Investment Capital)</vt:lpstr>
      <vt:lpstr>Accessing Investment Return</vt:lpstr>
      <vt:lpstr>Frequency of Convergence</vt:lpstr>
      <vt:lpstr>Individual Investment Returns Using Rule 1</vt:lpstr>
      <vt:lpstr>Calendar-time Portfolio Regression Results</vt:lpstr>
      <vt:lpstr>Fundamental Risk </vt:lpstr>
      <vt:lpstr>Financing Risk 1) Horizon Risk </vt:lpstr>
      <vt:lpstr>Financing Risk 2) Margin Risk </vt:lpstr>
      <vt:lpstr>Individual Investment Returns Using Rule 1</vt:lpstr>
      <vt:lpstr>Calendar-time Portfolio Regression Results</vt:lpstr>
      <vt:lpstr>Comments: about the “arbitrage”</vt:lpstr>
      <vt:lpstr>Comments: about the paper</vt:lpstr>
    </vt:vector>
  </TitlesOfParts>
  <Company/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Jiaxing GUO</dc:creator>
  <cp:lastModifiedBy>GUO, jiaxing</cp:lastModifiedBy>
  <cp:revision>173</cp:revision>
  <dcterms:created xsi:type="dcterms:W3CDTF">2017-09-26T21:15:26Z</dcterms:created>
  <dcterms:modified xsi:type="dcterms:W3CDTF">2017-10-04T18:48:38Z</dcterms:modified>
</cp:coreProperties>
</file>